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557. Infraštruktúra pre vyhodnocovanie CT obrazov\03. Príprava\03. PTK\"/>
    </mc:Choice>
  </mc:AlternateContent>
  <bookViews>
    <workbookView xWindow="1275" yWindow="480" windowWidth="20640" windowHeight="14520"/>
  </bookViews>
  <sheets>
    <sheet name="Cenová ponuka" sheetId="8" r:id="rId1"/>
    <sheet name="Príloha č. 1" sheetId="9" r:id="rId2"/>
  </sheets>
  <definedNames>
    <definedName name="_xlnm.Print_Area" localSheetId="0">'Cenová ponuka'!$A:$E</definedName>
    <definedName name="_xlnm.Print_Area" localSheetId="1">'Príloha č. 1'!$A$1:$R$22</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R8" i="9" l="1"/>
  <c r="Q8" i="9"/>
</calcChain>
</file>

<file path=xl/sharedStrings.xml><?xml version="1.0" encoding="utf-8"?>
<sst xmlns="http://schemas.openxmlformats.org/spreadsheetml/2006/main" count="290" uniqueCount="264">
  <si>
    <t xml:space="preserve">Požadované minimálne technické vlastnosti, parametre a hodnoty predmetu zákazky
</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r>
      <t xml:space="preserve">Príloha č. 1 - </t>
    </r>
    <r>
      <rPr>
        <sz val="10"/>
        <color theme="1"/>
        <rFont val="Arial"/>
        <family val="2"/>
        <charset val="238"/>
      </rPr>
      <t>Kalkulácia ceny a návrh na plnenie kritéria na vyhodnotenie ponúk - Štruktúrovaný rozpočet ceny predmetu zákazky</t>
    </r>
  </si>
  <si>
    <t>Názov predmetu zákazky:</t>
  </si>
  <si>
    <t>Por. č.</t>
  </si>
  <si>
    <t>Merná jednotka
(MJ)</t>
  </si>
  <si>
    <t xml:space="preserve">Požadovaný 
počet MJ </t>
  </si>
  <si>
    <t>Obchodný názov ponúkaného tovaru</t>
  </si>
  <si>
    <t>Názov výrobcu ponúkaného tovaru</t>
  </si>
  <si>
    <t>Jednotková cena
v EUR
bez DPH</t>
  </si>
  <si>
    <t>Sadzba DPH
v %</t>
  </si>
  <si>
    <t>Výška DPH
v EUR</t>
  </si>
  <si>
    <t>Jednotková cena
v EUR
s DPH</t>
  </si>
  <si>
    <t>Celková cena
za požadovaný počet MJ
v EUR bez DPH</t>
  </si>
  <si>
    <t>Celková cena
za požadovaný počet MJ
v EUR s DPH</t>
  </si>
  <si>
    <t>Doplňujúce informácie:</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r>
      <t xml:space="preserve">Požadované minimálne osobitné požiadavky na predmet zákazky a doklady:
</t>
    </r>
    <r>
      <rPr>
        <i/>
        <sz val="10"/>
        <color theme="1"/>
        <rFont val="Arial"/>
        <family val="2"/>
        <charset val="238"/>
      </rPr>
      <t>(bude požadované predložiť v zákazke)</t>
    </r>
    <r>
      <rPr>
        <b/>
        <sz val="10"/>
        <color theme="1"/>
        <rFont val="Arial"/>
        <family val="2"/>
        <charset val="238"/>
      </rPr>
      <t xml:space="preserve">
</t>
    </r>
  </si>
  <si>
    <t>Tovar</t>
  </si>
  <si>
    <t>Termín dodania</t>
  </si>
  <si>
    <t>pracovných dní</t>
  </si>
  <si>
    <t>Záručná doba</t>
  </si>
  <si>
    <t>mesiacov</t>
  </si>
  <si>
    <t>Cena servisnej hodiny na mimozáručný servis počas záručnej doby</t>
  </si>
  <si>
    <t>na hodinu</t>
  </si>
  <si>
    <t>Položka č. 1 -</t>
  </si>
  <si>
    <t>48820000-2   Servery</t>
  </si>
  <si>
    <t>Základné funkcie:</t>
  </si>
  <si>
    <t xml:space="preserve"> Hodnotenie obrázkov:</t>
  </si>
  <si>
    <t>Obrazová prezentácia:</t>
  </si>
  <si>
    <t xml:space="preserve">Kardio SW  s možnosťami: </t>
  </si>
  <si>
    <t xml:space="preserve">Kardiovaskulárne funkcie: </t>
  </si>
  <si>
    <t>Automatické spracovanie údajov CT bez akejkoľvek interakcie používateľa a s prenosom do preddefinovaného DICOM partnera</t>
  </si>
  <si>
    <r>
      <rPr>
        <sz val="10"/>
        <rFont val="Calibri"/>
        <family val="2"/>
        <charset val="238"/>
      </rPr>
      <t>•</t>
    </r>
    <r>
      <rPr>
        <sz val="10"/>
        <rFont val="Arial"/>
        <family val="2"/>
        <charset val="238"/>
      </rPr>
      <t xml:space="preserve"> izolácia srdca </t>
    </r>
  </si>
  <si>
    <r>
      <rPr>
        <sz val="10"/>
        <rFont val="Calibri"/>
        <family val="2"/>
        <charset val="238"/>
      </rPr>
      <t xml:space="preserve">• </t>
    </r>
    <r>
      <rPr>
        <sz val="10"/>
        <rFont val="Arial"/>
        <family val="2"/>
        <charset val="238"/>
      </rPr>
      <t xml:space="preserve">vizualizácia plaku </t>
    </r>
  </si>
  <si>
    <r>
      <rPr>
        <sz val="10"/>
        <rFont val="Calibri"/>
        <family val="2"/>
        <charset val="238"/>
      </rPr>
      <t>•</t>
    </r>
    <r>
      <rPr>
        <sz val="10"/>
        <rFont val="Arial"/>
        <family val="2"/>
        <charset val="238"/>
      </rPr>
      <t xml:space="preserve"> film (búšenie srdca) </t>
    </r>
  </si>
  <si>
    <r>
      <rPr>
        <sz val="10"/>
        <rFont val="Calibri"/>
        <family val="2"/>
        <charset val="238"/>
      </rPr>
      <t>• m</t>
    </r>
    <r>
      <rPr>
        <sz val="10"/>
        <rFont val="Arial"/>
        <family val="2"/>
        <charset val="238"/>
      </rPr>
      <t xml:space="preserve">ožnosť prezerať snímky z CT, MR, PET, RTG, USG 2D, </t>
    </r>
  </si>
  <si>
    <r>
      <rPr>
        <sz val="10"/>
        <rFont val="Calibri"/>
        <family val="2"/>
        <charset val="238"/>
      </rPr>
      <t>• a</t>
    </r>
    <r>
      <rPr>
        <sz val="10"/>
        <rFont val="Arial"/>
        <family val="2"/>
        <charset val="238"/>
      </rPr>
      <t>utomatické rozpoznávanie anatomických orientačných bodov pre identifikáciu orgánov</t>
    </r>
  </si>
  <si>
    <r>
      <rPr>
        <sz val="10"/>
        <rFont val="Calibri"/>
        <family val="2"/>
        <charset val="238"/>
      </rPr>
      <t>•</t>
    </r>
    <r>
      <rPr>
        <sz val="10"/>
        <rFont val="Arial"/>
        <family val="2"/>
        <charset val="238"/>
      </rPr>
      <t xml:space="preserve"> software poskytuje prípravu prípadu (predspracovanie údajov, automatické rozloženie), štruktúrovanú navigáciu, funkcie pre kvantitatívne čítanie a orientáciu na zníženie času potrebného na načítanie pacienta</t>
    </r>
  </si>
  <si>
    <r>
      <rPr>
        <sz val="10"/>
        <rFont val="Calibri"/>
        <family val="2"/>
        <charset val="238"/>
      </rPr>
      <t xml:space="preserve">• </t>
    </r>
    <r>
      <rPr>
        <sz val="10"/>
        <rFont val="Arial"/>
        <family val="2"/>
        <charset val="238"/>
      </rPr>
      <t>jednoduché porovnanie obrázkov z rôznych modalít a časov vedľa seba</t>
    </r>
  </si>
  <si>
    <r>
      <rPr>
        <sz val="10"/>
        <rFont val="Calibri"/>
        <family val="2"/>
        <charset val="238"/>
      </rPr>
      <t>•</t>
    </r>
    <r>
      <rPr>
        <sz val="10"/>
        <rFont val="Arial"/>
        <family val="2"/>
        <charset val="238"/>
      </rPr>
      <t xml:space="preserve"> manipulácia s obrázkom: približovanie, posúvanie, window level</t>
    </r>
  </si>
  <si>
    <r>
      <rPr>
        <sz val="10"/>
        <rFont val="Calibri"/>
        <family val="2"/>
        <charset val="238"/>
      </rPr>
      <t>•</t>
    </r>
    <r>
      <rPr>
        <sz val="10"/>
        <rFont val="Arial"/>
        <family val="2"/>
        <charset val="238"/>
      </rPr>
      <t xml:space="preserve"> vzdialenosť, uhol, značka, asistovaný kolmý nástroj, oblasť záujmu, objem záujmu, šípka, pixelová šošovka, rovinný text anotácie, synchronizované rolovanie na základe anatómie</t>
    </r>
  </si>
  <si>
    <r>
      <rPr>
        <sz val="10"/>
        <rFont val="Calibri"/>
        <family val="2"/>
        <charset val="238"/>
      </rPr>
      <t>•</t>
    </r>
    <r>
      <rPr>
        <sz val="10"/>
        <rFont val="Arial"/>
        <family val="2"/>
        <charset val="238"/>
      </rPr>
      <t xml:space="preserve"> 2D, MPR, MPR hrubý, MPR/MPR fúzia, MIP, MIP tenký, MinIP, VRT, VRT tenký</t>
    </r>
  </si>
  <si>
    <r>
      <rPr>
        <sz val="10"/>
        <rFont val="Calibri"/>
        <family val="2"/>
        <charset val="238"/>
      </rPr>
      <t>•</t>
    </r>
    <r>
      <rPr>
        <sz val="10"/>
        <rFont val="Arial"/>
        <family val="2"/>
        <charset val="238"/>
      </rPr>
      <t xml:space="preserve"> srdcové roviny</t>
    </r>
  </si>
  <si>
    <r>
      <rPr>
        <sz val="10"/>
        <rFont val="Calibri"/>
        <family val="2"/>
        <charset val="238"/>
      </rPr>
      <t>•</t>
    </r>
    <r>
      <rPr>
        <sz val="10"/>
        <rFont val="Arial"/>
        <family val="2"/>
        <charset val="238"/>
      </rPr>
      <t xml:space="preserve"> zakrivená a prierezová MPR</t>
    </r>
  </si>
  <si>
    <t>4.1</t>
  </si>
  <si>
    <r>
      <rPr>
        <sz val="10"/>
        <rFont val="Calibri"/>
        <family val="2"/>
        <charset val="238"/>
      </rPr>
      <t>•</t>
    </r>
    <r>
      <rPr>
        <sz val="10"/>
        <rFont val="Arial"/>
        <family val="2"/>
        <charset val="238"/>
      </rPr>
      <t xml:space="preserve">  čítanie a diagnostika CT angiografických snímok srdca na vyhodnotenie funkcie ľavej komory</t>
    </r>
  </si>
  <si>
    <t>4.2</t>
  </si>
  <si>
    <r>
      <rPr>
        <sz val="10"/>
        <rFont val="Calibri"/>
        <family val="2"/>
        <charset val="238"/>
      </rPr>
      <t>•</t>
    </r>
    <r>
      <rPr>
        <sz val="10"/>
        <rFont val="Arial"/>
        <family val="2"/>
        <charset val="238"/>
      </rPr>
      <t xml:space="preserve"> hodnotenie perfúzie myokardu</t>
    </r>
  </si>
  <si>
    <t>4.3</t>
  </si>
  <si>
    <r>
      <rPr>
        <sz val="10"/>
        <rFont val="Calibri"/>
        <family val="2"/>
        <charset val="238"/>
      </rPr>
      <t>•</t>
    </r>
    <r>
      <rPr>
        <sz val="10"/>
        <rFont val="Arial"/>
        <family val="2"/>
        <charset val="238"/>
      </rPr>
      <t xml:space="preserve"> čítanie a diagnostika CT angiografických snímok srdca na vyhodnotenie funkcie pravej komory</t>
    </r>
  </si>
  <si>
    <t>4.4</t>
  </si>
  <si>
    <r>
      <rPr>
        <sz val="10"/>
        <rFont val="Calibri"/>
        <family val="2"/>
        <charset val="238"/>
      </rPr>
      <t>•</t>
    </r>
    <r>
      <rPr>
        <sz val="10"/>
        <rFont val="Arial"/>
        <family val="2"/>
        <charset val="238"/>
      </rPr>
      <t xml:space="preserve"> čítanie a diagnostika CT angiografických snímok srdca na vyhodnotenie srdcových štruktúr</t>
    </r>
  </si>
  <si>
    <t>4.5</t>
  </si>
  <si>
    <t>4.6</t>
  </si>
  <si>
    <t>4.7</t>
  </si>
  <si>
    <t>4.8</t>
  </si>
  <si>
    <r>
      <rPr>
        <sz val="10"/>
        <rFont val="Calibri"/>
        <family val="2"/>
        <charset val="238"/>
      </rPr>
      <t>•</t>
    </r>
    <r>
      <rPr>
        <sz val="10"/>
        <rFont val="Arial"/>
        <family val="2"/>
        <charset val="238"/>
      </rPr>
      <t xml:space="preserve"> automatické odstránenie kostí zo súborov údajov CT angiografie (CTA). Predpokladom pre odstránenie kosti je rozklad materiálu na jeho zložky: krv, kontrastnú látku a kosť</t>
    </r>
  </si>
  <si>
    <r>
      <rPr>
        <sz val="10"/>
        <rFont val="Calibri"/>
        <family val="2"/>
        <charset val="238"/>
      </rPr>
      <t>•</t>
    </r>
    <r>
      <rPr>
        <sz val="10"/>
        <rFont val="Arial"/>
        <family val="2"/>
        <charset val="238"/>
      </rPr>
      <t xml:space="preserve"> vizualizácia kalcifikovaných plakov vo veľkých cievach, aj keď majú hodnoty CT porovnateľné so susednou kontrastnou látkou</t>
    </r>
  </si>
  <si>
    <r>
      <rPr>
        <sz val="10"/>
        <rFont val="Calibri"/>
        <family val="2"/>
        <charset val="238"/>
      </rPr>
      <t>•</t>
    </r>
    <r>
      <rPr>
        <sz val="10"/>
        <rFont val="Arial"/>
        <family val="2"/>
        <charset val="238"/>
      </rPr>
      <t xml:space="preserve"> vizualizácia a kvantifikácia kalcifikovaných koronárnych lézií. Poskytuje objem (v mm³), hmotnosť vápnika (mg hydroxyapatitu vápenatého), cievne špecifické a celkové vápnikové skóre (Agatstonova metóda) a počet lézií. Počas hodnotenia možno skóre pacienta porovnať so skóre zdravej referenčnej skupiny</t>
    </r>
  </si>
  <si>
    <r>
      <rPr>
        <sz val="10"/>
        <rFont val="Calibri"/>
        <family val="2"/>
        <charset val="238"/>
      </rPr>
      <t>•</t>
    </r>
    <r>
      <rPr>
        <sz val="10"/>
        <rFont val="Arial"/>
        <family val="2"/>
        <charset val="238"/>
      </rPr>
      <t xml:space="preserve">  vizualizácia príjmu kontrastnej látky v myokarde</t>
    </r>
  </si>
  <si>
    <r>
      <rPr>
        <sz val="10"/>
        <rFont val="Calibri"/>
        <family val="2"/>
        <charset val="238"/>
      </rPr>
      <t>•</t>
    </r>
    <r>
      <rPr>
        <sz val="10"/>
        <rFont val="Arial"/>
        <family val="2"/>
        <charset val="238"/>
      </rPr>
      <t xml:space="preserve"> posúdenie a kvantifikácia hemodynamickej relevancie stenózy koronárnych artérií</t>
    </r>
  </si>
  <si>
    <r>
      <rPr>
        <sz val="10"/>
        <rFont val="Calibri"/>
        <family val="2"/>
        <charset val="238"/>
      </rPr>
      <t>•</t>
    </r>
    <r>
      <rPr>
        <sz val="10"/>
        <rFont val="Arial"/>
        <family val="2"/>
        <charset val="238"/>
      </rPr>
      <t xml:space="preserve"> automatické vypĺňanie formulárov na objednávku štepu špecifických pre výrobcu</t>
    </r>
  </si>
  <si>
    <r>
      <rPr>
        <sz val="10"/>
        <rFont val="Calibri"/>
        <family val="2"/>
        <charset val="238"/>
      </rPr>
      <t>•</t>
    </r>
    <r>
      <rPr>
        <sz val="10"/>
        <rFont val="Arial"/>
        <family val="2"/>
        <charset val="238"/>
      </rPr>
      <t xml:space="preserve"> kvantitatívne hodnotenie prstenca (plocha prstenca, min. a max. priemer, efektívne priemery na základe plochy alebo obvodu prstenca) pri vyhodnocovaní predprocedurálnych plánovacích vyšetrení TAVI.u.</t>
    </r>
  </si>
  <si>
    <r>
      <rPr>
        <sz val="10"/>
        <rFont val="Calibri"/>
        <family val="2"/>
        <charset val="238"/>
      </rPr>
      <t>•</t>
    </r>
    <r>
      <rPr>
        <sz val="10"/>
        <rFont val="Arial"/>
        <family val="2"/>
        <charset val="238"/>
      </rPr>
      <t xml:space="preserve"> automatická identifikácia a anatomické označenie hlavných ciev</t>
    </r>
  </si>
  <si>
    <r>
      <rPr>
        <sz val="10"/>
        <rFont val="Calibri"/>
        <family val="2"/>
        <charset val="238"/>
      </rPr>
      <t>•</t>
    </r>
    <r>
      <rPr>
        <sz val="10"/>
        <rFont val="Arial"/>
        <family val="2"/>
        <charset val="238"/>
      </rPr>
      <t xml:space="preserve"> CT DE lung analysis – hodnotenie defektov perfúzie pľúc pri pľúcnej embólii</t>
    </r>
  </si>
  <si>
    <t>Neurologické funkcie:</t>
  </si>
  <si>
    <t>5.1</t>
  </si>
  <si>
    <r>
      <rPr>
        <sz val="10"/>
        <rFont val="Calibri"/>
        <family val="2"/>
        <charset val="238"/>
      </rPr>
      <t>•</t>
    </r>
    <r>
      <rPr>
        <sz val="10"/>
        <rFont val="Arial"/>
        <family val="2"/>
        <charset val="238"/>
      </rPr>
      <t xml:space="preserve"> vizualizácia prietoku krvi na časovo rozlíšených údajoch. Filmy, obrázky a krivky časového útlmu sú vytvorené na vizualizáciu krvi prúdiacej z arteriálnej do venóznej fázy</t>
    </r>
  </si>
  <si>
    <t>5.2</t>
  </si>
  <si>
    <r>
      <rPr>
        <sz val="10"/>
        <rFont val="Calibri"/>
        <family val="2"/>
        <charset val="238"/>
      </rPr>
      <t>•</t>
    </r>
    <r>
      <rPr>
        <sz val="10"/>
        <rFont val="Arial"/>
        <family val="2"/>
        <charset val="238"/>
      </rPr>
      <t xml:space="preserve"> bezkostné hodnotenie neuro vaskulatúry odčítaním kontrastných a natívnych údajov na diagnostické vyhodnotenie neurovaskulárnych ochorení a plánovanie intervenčnej liečby</t>
    </r>
  </si>
  <si>
    <t>5.3</t>
  </si>
  <si>
    <t>5.4</t>
  </si>
  <si>
    <r>
      <rPr>
        <sz val="10"/>
        <rFont val="Calibri"/>
        <family val="2"/>
        <charset val="238"/>
      </rPr>
      <t xml:space="preserve">• </t>
    </r>
    <r>
      <rPr>
        <sz val="10"/>
        <rFont val="Arial"/>
        <family val="2"/>
        <charset val="238"/>
      </rPr>
      <t xml:space="preserve">výpočet ASPECT skóre nekontrastného CT skenu hlavy na základe 10-bodového kvantitatívneho topografického CT skenu a zvýraznenie postihnutých oblastí mozgu ako prekrytie na CT obrázku. </t>
    </r>
  </si>
  <si>
    <t>5.5</t>
  </si>
  <si>
    <r>
      <rPr>
        <sz val="10"/>
        <rFont val="Calibri"/>
        <family val="2"/>
        <charset val="238"/>
      </rPr>
      <t>•</t>
    </r>
    <r>
      <rPr>
        <sz val="10"/>
        <rFont val="Arial"/>
        <family val="2"/>
        <charset val="238"/>
      </rPr>
      <t xml:space="preserve"> simulácia obrazov, ktoré sú ekvivalentné obrazom naskenovaným jediným fotónovým energetickým lúčom v závislosti od energie (keV). Zmenou energie (keV) sa môže zvýšiť kontrast medzi rôznymi materiálmi. Rozsah hodnôt keV od 40 do 190 keV</t>
    </r>
  </si>
  <si>
    <t>Vyhodnocovací server: server pre paralelné vyhodnocovanie na 7 pracovných staniciach s možnosťou práce so všetkými dátami a všetkými aplikáciami</t>
  </si>
  <si>
    <t>xx</t>
  </si>
  <si>
    <r>
      <rPr>
        <sz val="10"/>
        <rFont val="Calibri"/>
        <family val="2"/>
        <charset val="238"/>
      </rPr>
      <t>•</t>
    </r>
    <r>
      <rPr>
        <sz val="10"/>
        <rFont val="Arial"/>
        <family val="2"/>
        <charset val="238"/>
      </rPr>
      <t xml:space="preserve"> koronárna analýza na kvantitatívne hodnotenie koronárnych artérií</t>
    </r>
  </si>
  <si>
    <r>
      <rPr>
        <sz val="10"/>
        <rFont val="Calibri"/>
        <family val="2"/>
        <charset val="238"/>
      </rPr>
      <t xml:space="preserve">• </t>
    </r>
    <r>
      <rPr>
        <sz val="10"/>
        <rFont val="Arial"/>
        <family val="2"/>
        <charset val="238"/>
      </rPr>
      <t>vizualizácia prekrvenia mozgu; k dispozícii ako riadený alebo automatizovaný pracovný postup (Auto Stroke)</t>
    </r>
  </si>
  <si>
    <t>4.6.1</t>
  </si>
  <si>
    <t>4.7.1</t>
  </si>
  <si>
    <t>6.</t>
  </si>
  <si>
    <t>6.3</t>
  </si>
  <si>
    <t>6.4</t>
  </si>
  <si>
    <t>6.5</t>
  </si>
  <si>
    <t>6.6</t>
  </si>
  <si>
    <t>6.7</t>
  </si>
  <si>
    <t>6.8</t>
  </si>
  <si>
    <t>6.9</t>
  </si>
  <si>
    <t>6.10</t>
  </si>
  <si>
    <t>6.11</t>
  </si>
  <si>
    <t>6.12</t>
  </si>
  <si>
    <t>6.13</t>
  </si>
  <si>
    <t>6.14</t>
  </si>
  <si>
    <t>6.15</t>
  </si>
  <si>
    <t>7.</t>
  </si>
  <si>
    <t>7.1</t>
  </si>
  <si>
    <t>7.2</t>
  </si>
  <si>
    <t>7.3</t>
  </si>
  <si>
    <t>7.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v pracovných dňoch,</t>
  </si>
  <si>
    <t>po predchádzajúcom preukázateľnom upovedomení objednávateľa min. 5 (päť) pracovných dní vopred tak, aby objednávateľ mohol poskytnúť potrebnú súčinnosť pri dodaní,</t>
  </si>
  <si>
    <t>Objednávateľ zabezpečí za účelom prevzatia predmetu zákazky prístup pre osoby poverené dodávateľom na čas nevyhnutný na vyloženie, kompletizáciu a inštaláciu predmetu zákazky.</t>
  </si>
  <si>
    <t>Objednávateľ si týmto vyhradzuje právo na posúdenie, či ponúkané riešenie je plne kompatibilné s existujúcim riešením.</t>
  </si>
  <si>
    <t>Požaduje sa akceptovať, že platba za plnenie sa realizuje výlučne bezhotovostným platobným stykom na základe faktúry doručenej dodávateľom, a to vždy za riadne a včas poskytnuté plnenie. Dodávateľ je povinný zaslať faktúru elektronicky na určenú e-mailovú adresu objednávateľa: podateľňa@vusch.sk .</t>
  </si>
  <si>
    <t>Požaduje sa splnenie predmetu zákazky:</t>
  </si>
  <si>
    <t>Funkčné, technické a výkonnostné požiadavky na predmet zákazky, ktoré sú uvedené v Technickej špecifikácii predmetu zákazky sú považované za minimálne. Objednávateľ predmetu zákazky akceptuje aj také funkčné, technické a výkonnostné vlastnosti predmetu zákazky v rámci predloženej kontraktačnej ponuky, ktorých vyjadrené kvantifikovateľné aj nekvantifikovateľné parametre budú vyššie (lepšie) ako sú objednávateľom predmetu zákazky uvedené požadované parametre funkčných, technických a výkonnostných vlastností predmetu zákazkky.</t>
  </si>
  <si>
    <t>v čase od 07:00 hod. do 14:00 hod.,</t>
  </si>
  <si>
    <t>Požaduje sa o inštalácii predmetu zákazky spísanie Inštalačného protokolu.</t>
  </si>
  <si>
    <t>Požaduje sa uzatvorenie zmluvy o poskytnutí služby a licenčnej zmluvy .</t>
  </si>
  <si>
    <t xml:space="preserve">v sídle objednávateľa na vlastné náklady, pričom konkrétne miesto dodania - pracovisko objednávateľa  a zodpovedná osoba objednávateľa budú dodávateľovi písomne upresnené po uzavretí zmluvného vzťahu, </t>
  </si>
  <si>
    <t>s preberacím protokolom, ktorý musí obsahovať okrem povinných náležitostí aj číslo objednávky (ak bola vystavená), číslo zmluvy, jednotkovú cenu príslušnej položky bez DPH, s DPH, sadzbu DPH, celkovú cenu príslušnej položky bez DPH, s DPH.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predmetu zákazky je objednávateľ povinný dodávateľovi písomne potvrdiť na preberacom protokole. Jedna kópia preberacieho protokolu ostáva objednávateľovi. V prípade uplatnenia oprávnenej výhrady objednávateľa pri dodaní predmetu zákazky, ostáva predmet zákazky vo vlastníctve dodávateľa až do doby, kým dodávateľ neodstráni prekážku, ktorá bráni objednávateľovi predmet zákazky riadne prevziať. </t>
  </si>
  <si>
    <t>Objednávateľ si vyhradzuje právo prevziať iba plnenie spĺňajúce všetky technické vlastnosti uvedené v Technickej špecifikácií predmetu zmluvy, ktorý je funkčný, bez zjavných vád, dodaný v kompletnom stave a v požadovanom množstve. V opačnom prípade si Objednávateľ predmetu zákazky vyhradzuje právo nepodpísať preberací protokol, neprevziať poskytnutú službu a nezaplatiť cenu za riadne neposkytnutú službu.</t>
  </si>
  <si>
    <t>Súčasťou dodania predmetu zákazky je aj povinnosť dodávateľa odovzdať objednávateľovi:
- zoznam a kontaktné údaje servisných stredísk dodávateľa pre potreby plnenia zmluvy,
- kontaktné údaje na Klientske pracovisko dodávateľa - tzv. "Hotline", "Helpdesk", "Call centrum..." pre potreby plnenia zmluvy.</t>
  </si>
  <si>
    <t>Dodávateľ je povinný vystaviť faktúru za poskytnuté plnenie v súlade s ustanovením §73 zákona č. 222/2004 Z. z. o dani z pridanej hodnoty, najneskôr však do piateho (5) pracovného dňa v kalendárnom mesiaci, nasledujúcom po mesiaci, v ktorom dôjde k plneniu podľa uzatvorenej zmluvy.</t>
  </si>
  <si>
    <t>Záruka sa nevzťahuje na vady, ktoré spôsobí objednávateľ neodbornou manipuláciou resp. používaním v rozpore s návodom na obsluhu. Záruka sa tiež nevzťahuje na vady, ktoré vzniknú v dôsledku živelnej pohromy, vyššej moci alebo vandalizmu.</t>
  </si>
  <si>
    <t>V prípade, ak sa po uzatvorení zmluvy preukáže, že na relevantnom trhu existuje cena (ďalej "nižšia cena") za rovnaké alebo porovnateľné plnenie ako je obsiahnuté v zmluve a dodávateľ už preukázateľne v minulosti za takúto nižšiu cenu plnenie poskytol, resp. poskytuje, pričom rozdiel medzi nižšou cenou a cenou podľa zmluvy je viac ako 5% v neprospech ceny podľa zmluvy, zaväzuje sa dodávateľ poskytnúť objednávateľovi pre takéto plnenie objednané po preukázaní tejto skutočnosti dodatočnú zľavu vo výške rozdielu medzi ním poskytovanou cenou podľa tejto zmluvy a nižšou cenou.</t>
  </si>
  <si>
    <t xml:space="preserve">V prípade, že dodávateľ zľavu podľa predchádzajúceho bodu neposkytne do 60 (šesťdesiat) kalendárnych dní od doručenia písomnej výzvy objednávateľa, bude sa takéto konanie dodávateľa považovať za porušenie jeho zmluvných povinností, pričom objednávateľ je oprávnený uplatniť si z tohto titulu u dodávateľa  zmluvnú pokutu stanovenú vo výške zisteného rozdielu, t.j. rozdielu medzi poskytovanou cenou podľa tejto zmluvy a nižšou cenou. </t>
  </si>
  <si>
    <t>Zmluvné strany sa dohodli, že sú zbavené zodpovednosti za čiastočné alebo úplné neplnenie zmluvných povinností podľa tohto zmluvného vzťahu v prípade, že toto neplnenie je v dôsledku vyššej moci.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vyššiu moc, je povinná to oznámiť druhej zmluvnej strane najneskôr do 5 (piatich) kalendárnych dní od vzniku tejto skutočnosti a môže požiadať o prípadnú úpravu podmienok zmluvy. Na požiadanie zmluvnej strany, ktorej boli avizované okolnosti vyššej moci, je povinný oznamovateľ predložiť hodnoverný dôkaz. ak nedôjde k dohode, má zmluvná strana, ktorá sa odvolala na vyššiu moc, právo odstúpiť od tejto zmluvy. Účinky odstúpenia nastanú dňom doručenia oznámenia druhej zmluvnej strane.</t>
  </si>
  <si>
    <t>Osobné údaje dotknutých osôb, ktoré sú súčasťou tejto kúpnej zmluvy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objednávateľa.</t>
  </si>
  <si>
    <t>Požaduje sa akceptovať záväzok dodá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dodávateľ Etický kódex porušuje, je objednávateľ oprávnený zmluvu v 1-mesačnej výpovednej lehote vypovedať. Výpovedná lehota začne plynúť 1. kalendárnym dňom mesiaca, nasledujúcom po mesiaci, v ktorom bola písomná výpoveď objednávateľa doručená dodávateľovi a skončí sa uplynutím posledného dňa príslušného kalendárneho mesiaca.</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nedodržanie dohodnutých lehôt na odstránenie vady: 100,- € (slovom: jednosto Eur) za každú začatú hodinu omeškania, najviac však do výšky 10% ceny plnenia, a to pre každý jednotlivý prípad omeškania dodávateľa.</t>
  </si>
  <si>
    <t>Požaduje sa, aby počas plnenia zmluvy bol dodávateľ autorizovaný (certifikovaný na dodávku, inštaláciu a servis ponúkaného predmetu zákazky).</t>
  </si>
  <si>
    <t xml:space="preserve">Požaduje sa v zmysle § 340b ods. 5 zákona č. 513/1991 Z.z. Obchodného zákonníka v znení neskorších predpisov splatnosť faktúry v lehote 60 (šesťdesiat) kalendárnych dní odo dňa jej doručenia objednávateľovi. </t>
  </si>
  <si>
    <t>Požaduje sa, aby v prípade ak sa úspešným dodávateľom po uplynutí lehoty na predkladanie ponúk, resp. po elektronickej aukcii stane:
1. dodávateľ, ktorý je alebo bol dodávateľom predmetu zákazky pre objednávateľa a ak jeho konečná jednotková cena za MJ bez DPH je vyššia ako súčasne aktuálna alebo predtým platná jednotková cena za MJ bez DPH, za ktorú verejný objednávateľ nakupuje alebo nakupoval od dodávateľa pred vyhlásením tejto súťaže
alebo
2.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t>
  </si>
  <si>
    <t>uzná navýšenie konečnej jednotkovej ceny za MJ bez DPH príslušnej položky predmetu zákazky, zašle dodávateľovi oznámenie, v ktorom potvrdí oprávnenie ním ponúknutej ceny;</t>
  </si>
  <si>
    <t>neuzná navýšenie konečnej jednotkovej ceny za MJ bez DPH príslušnej položky predmetu zákazky, vyhradzuje si právo odstúpiť od tejto zmluvy</t>
  </si>
  <si>
    <t>Dodávateľ nesie zodpovednosť za to, že služby száručného servisu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Nástup na záručný servis a riešenie servisných požiadaviek objednávateľa s dostupnosťou 24x7 (24 hodín 7 dní v týždni).</t>
  </si>
  <si>
    <t>Požaduje sa, aby bol Dodávateľ oprávnený udeliť požadované licencie a disponoval všetkými právami k službám, ktoré poskytne Objednávateľovi, pričom musí mať vysporiadané autorské práva so všetými autormi Diela, resp. aby vo vlastnom mene a na vlastnú zodpovednosť vykonával majetkové práva k Dielu v zmysle ustanovení Autorského zákona.</t>
  </si>
  <si>
    <t>Požaduje sa dodržiavanie mlčanlivosti o dôverných informáciách, ktoré si Dodávateľ a Objednávateľ navzájom poskytnú v priebehu trvania zmluvného vzťahu a záručnej doby, pričom bližšie podmienky budú uvedené v zmluve.</t>
  </si>
  <si>
    <t>Požaduje sa otestovanie funkčnosti systému bezodkladne po inštalácii predmetu zákazky, o čom bude vystavené potvrdenie o funkčnosti systému.</t>
  </si>
  <si>
    <t>Súčasťou záväzku dodávateľa je zároveň poskytnutie písomných dokladov potrebných pre riadne a bezchybné použitie predmetu zákazky na stanovený účel, a to najmä, no nie len výlučne: návod na použitie v slovenskom alebo anglickom jazyku, záručný list, preberací (akceptačný) protokol, inštalačný protokol, protokol o odbornom zaškolení zamestnancov objednávateľa s obsluhou predmetu zákazky.</t>
  </si>
  <si>
    <t>Požaduje sa zaškolenie zamestnancov objednávateľa o obsluhe predmetu zákazky najneskôr pri inštalácii predmetu zákazky a spísanie Protokolu o zaškolení.</t>
  </si>
  <si>
    <t>Požaduje sa poskytnutie nevyhradných licencií, v neobmedzenom rozsahu, na celu dobu trvama majetkovych práv autora. Požaduje sa udelenie suhlasu, aby objednávateľ udelil sulicenciu tretím osobám na použitie softvéru rovnakym sposobom, v rovnakom rozsahu, na rovnaký čas a za rovnakých podmienok, ako je licencia udelená objednávateľovi. Licencia sa udel'uje odplatne, pričom sa požaduje zahrnutie odmeny za jej poskytnutie ako aj odmeny za udelenie súhlasu na udelenie licencie do celkovej zmluvnej ceny. Udelené licencie a právo udelit' sublicenciu nebudú skončením uzatvorenej zmluvy dotknuté. Súčasťou licencie je i súhlas Dodávateľa na integráciu Diela s prípadými ďalšími systémami prevádzkovanými Objednávateľom spôsobom v zmysle dokumentácie k jendotlivým softvérovým modulom.</t>
  </si>
  <si>
    <t>Zmluvná cena zahŕňa aj služby spojené s jeho dodaním, t. j. zabezpečenie dopravy do dohodnutého miesta poskytnutia služby, dopravu dodávateľa do miesta poskytnutia služby a späť, ako aj všetky ostatné náklady dodávateľa vynaložené v súvislosti s poskytnutím služieb objednávateľovi, uvedením do prevádzky (inštaláciou), odborným zaškolením obsluhy, poskytnutím užívateľskej dokumentácie, poskytnutím licencií, ako aj poskytovanie záručného servisu v mieste inštalácie.</t>
  </si>
  <si>
    <t xml:space="preserve">Dodávateľ poskytuje na predmet zákazky a všetky jeho súčasti (ďalej len "zariadenie") komplexnú záruku v trvaní 60 (šesťdesiat) kalendárnych mesiacov odo dňa podpísania preberacieho a inštalačného protokolu. Začiatok plynutia záručnej doby sa potvrdí na preberacom protokole, ktorý podpíšu obe zmluvné strany, t.j. dodávateľ a objednávateľ, resp. ich oprávnení zástupcovia. Uvedená záručná doba sa automaticky predlžuje o dobu, po ktorú nemohol byť predmet zákazky využívaný na účel, na ktorý je určený, a to z dôvodov, na ktoré sa vzťahuje záruka. </t>
  </si>
  <si>
    <t>Požaduje sa poskynutie služieb technickej podpory na predmet zákazky, a to minimálne po dobu 60 (šesťdesiatich) kaledárnych mesiacov od protokolárneho prevzatia diela objednávateľom.</t>
  </si>
  <si>
    <t>Dodávateľ je povinný nastúpiť na odstránenie vady v lehote do dvanástich (12) hodín od nahlásenia vady a túto vadu odstrániť v lehote do dvadsiatich štyroch (24) hodín od nástupu na opravu. V prípade nedodržania uvedenej lehoty, má objednávateľ právo požadovať od dodávateľa za každé jedno porušenie zmluvnú pokutu za nedodržanie lehôt spojených so zárukou v nasledujúcej výške:</t>
  </si>
  <si>
    <t>nedodržanie lehoty príchodu servisného technika alebo nezačatie odstraňovania vady formou vzdialeného prístupu: 100,- € (slovom: jednosto Eur) za každú začatú hodinu omeškania, najviac však do výšky 10% kúpnej ceny riešenia a to pre každý jednotlivý prípad omeškania dodávateľa,</t>
  </si>
  <si>
    <t xml:space="preserve">Objednávateľ je oprávnený vadu, ktorú zistí počas záručnej doby, nahlásiť dodávateľovi prostredníctvom klientskeho pracoviska dodávateľa. V prípade, ak komunikačným kanálom klientskeho pracoviska dodávateľa je emailová komunikácia, za moment nahlásenia vady sa považuje moment prijatia emailovej správy dodávateľom. V prípade, ak komunikačným kanálom klientskeho pracoviska dodávateľa je fax, za moment nahlásenia vady sa považuje moment prijatia faxovej správy dodávateľom. V prípade ak komunikačným kanálom klientske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do 15 (pätnástich) pracovných dní od dňa nadobudnutia účinnosti uzatvorenej zmluvy (do termínu sa nezapočítavajú dni pracovného voľna, pracovného pokoja a štátne sviatky),</t>
  </si>
  <si>
    <t>Požaduje sa poskytnutie záručnej doby na predmet zákazky v trvaní min. Šesťdesiat (60) kalendárnych mesiacov, odo dňa protokolárneho odovzdania predmetu zákazky.</t>
  </si>
  <si>
    <t>2.1</t>
  </si>
  <si>
    <t>2.2</t>
  </si>
  <si>
    <t>2.3</t>
  </si>
  <si>
    <t>2.4</t>
  </si>
  <si>
    <t>2.5</t>
  </si>
  <si>
    <t>2.6</t>
  </si>
  <si>
    <t>8.</t>
  </si>
  <si>
    <t>9.</t>
  </si>
  <si>
    <t>10.</t>
  </si>
  <si>
    <t>11.</t>
  </si>
  <si>
    <t>12.</t>
  </si>
  <si>
    <t>13.</t>
  </si>
  <si>
    <t>14.</t>
  </si>
  <si>
    <t>15.</t>
  </si>
  <si>
    <t>16.</t>
  </si>
  <si>
    <t>17.</t>
  </si>
  <si>
    <t>18.</t>
  </si>
  <si>
    <t>19.</t>
  </si>
  <si>
    <t>20.</t>
  </si>
  <si>
    <t>21.</t>
  </si>
  <si>
    <t>22.</t>
  </si>
  <si>
    <t>23.</t>
  </si>
  <si>
    <t>24.</t>
  </si>
  <si>
    <t>25.</t>
  </si>
  <si>
    <t>26.</t>
  </si>
  <si>
    <t>26.1</t>
  </si>
  <si>
    <t>26.2</t>
  </si>
  <si>
    <t>27.</t>
  </si>
  <si>
    <t>28.</t>
  </si>
  <si>
    <t>29.</t>
  </si>
  <si>
    <t>30.</t>
  </si>
  <si>
    <t>31.</t>
  </si>
  <si>
    <t>32.</t>
  </si>
  <si>
    <t>33.</t>
  </si>
  <si>
    <t>34.</t>
  </si>
  <si>
    <t>35.</t>
  </si>
  <si>
    <t>36.</t>
  </si>
  <si>
    <t>37.</t>
  </si>
  <si>
    <t>38.</t>
  </si>
  <si>
    <t>39.</t>
  </si>
  <si>
    <t>40.</t>
  </si>
  <si>
    <t>41.</t>
  </si>
  <si>
    <t>42.</t>
  </si>
  <si>
    <t>43.</t>
  </si>
  <si>
    <t>Dodávateľ predmetu zákazky je povinný do 3 (troch) pracovných dní od uzavretia zmluvy predložiť potvrdenie výrobcu, že je autorizovaný / certifikovaný na dodávku, inštaláciu, migráciu a servis ppredmetu zákazky. Objednávateľ požaduje predloženie vyššie uvedených dokladov z dôvodu, aby dodávateľ preukázal schopnosti s realizáciou predmetu zákazky.</t>
  </si>
  <si>
    <t>Ak dodávateľ nepredloží alebo predloží objednávateľovi prospekt Plnenia a/alebo certifikát, v ktorom ktorákoľvek hodnota nebude v súlade so skutočnými alebo minimálne požadovanými vlastnosťami dodávaného Plnenia, alebo sa takýto produkt pokúsi dodať, objednávateľ je oprávnený uplatniť si u dodávateľa zmluvnú pokutu v sume rovnajúcej sa 2 % zo zmluvnej ceny, minimálne však 500,-€ (slovom: päťsto Eur), za každé také porušenie. Tým nie je dotknutý nárok na náhradu škody. Pokuta nebude uplatnená, ak skutočné parametre sú kvalitatívne alebo kvantitatívne lepšie.</t>
  </si>
  <si>
    <t>Dodávateľ je povinný k faktúre priložiť kópiu objednávky (ak bola vyhotovená) objednávateľa ako povinnú prílohu faktúry. Dodávateľ je rovnako povinný k faktúre priložiť kópiu preberacieho protokolu a kópiu inštalančného protokolu ako jej povinnú prílohu.</t>
  </si>
  <si>
    <t>Do 3 (troch) pracovných dní od uzavretia zmluvy predloží dodávateľ elektronicky emailom na emailovú adresu kontaktnej osoby Objednávateľa prospekt/prospekty, ktoré musia obsahovať minimálne označenie výrobcu, názov príslušnej položky určený výrobcom, ako aj hodnoty tých parametrov, ktoré sú uvedené v Špecifikácii podľa tejto zmluvy (ďalej „prospekt“); hodnoty uvedené v prospekte/prospektoch musia byť potvrdené výrobcom, alebo inou príslušnou autoritou v súlade so skutočnými vlastnosťami dodávaného plnenia.</t>
  </si>
  <si>
    <t>Upgrade a rozšírenie existujúceho Syngo.Via Workstation na Syngo.Via L- server</t>
  </si>
  <si>
    <t>celok</t>
  </si>
  <si>
    <t>Upgrade a rozšírenie existujúceho Syngo.Via Workstation na Syngo.Via L - server</t>
  </si>
  <si>
    <t>Upgrade a rozšírenie  existujúceho Syngo.Via Workstation na Syngo.Via L - server</t>
  </si>
  <si>
    <t>Upgrade a rozšírenie existujúcho Syngo.Via Workstation na Syngo.Via L - server</t>
  </si>
  <si>
    <t>Upgrade a rozšírenie existujúceho Syngo.Via Workstation na Syngo.Via L server</t>
  </si>
  <si>
    <t>Katalógové číslo</t>
  </si>
  <si>
    <t>Kód ŠUKL</t>
  </si>
  <si>
    <t>Kategori-      začný      kód</t>
  </si>
  <si>
    <t>Číslo rozhodnutia</t>
  </si>
  <si>
    <t>Upgrade a rozšírenie existujúceho servera Syngo.Via Workstation so zachovaním už zakúpených licencií</t>
  </si>
  <si>
    <t>Rozšírenie o dodatočné 2 plávajúce licencie</t>
  </si>
  <si>
    <r>
      <t xml:space="preserve">Kalkulácia ceny a návrh na plnenie kritéria na vyhodnotenie ponúk - Štruktúrovaný rozpočet ceny predmetu zákazky </t>
    </r>
    <r>
      <rPr>
        <sz val="10"/>
        <color rgb="FFFF0000"/>
        <rFont val="Arial"/>
        <family val="2"/>
        <charset val="238"/>
      </rPr>
      <t>(</t>
    </r>
    <r>
      <rPr>
        <b/>
        <sz val="10"/>
        <color rgb="FFFF0000"/>
        <rFont val="Arial"/>
        <family val="2"/>
        <charset val="238"/>
      </rPr>
      <t>hárok č.2 doručeného excelu</t>
    </r>
    <r>
      <rPr>
        <sz val="10"/>
        <color rgb="FFFF0000"/>
        <rFont val="Arial"/>
        <family val="2"/>
        <charset val="238"/>
      </rPr>
      <t>)</t>
    </r>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64" formatCode="#,##0.00\ &quot;€&quot;"/>
    <numFmt numFmtId="165" formatCode="#,##0.00\ [$EUR]"/>
  </numFmts>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1"/>
      <color theme="1"/>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i/>
      <sz val="10"/>
      <color theme="1"/>
      <name val="Arial"/>
      <family val="2"/>
      <charset val="238"/>
    </font>
    <font>
      <sz val="10"/>
      <name val="Calibri"/>
      <family val="2"/>
      <charset val="238"/>
    </font>
    <font>
      <sz val="10"/>
      <color theme="1"/>
      <name val="Arial"/>
      <family val="2"/>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72">
    <border>
      <left/>
      <right/>
      <top/>
      <bottom/>
      <diagonal/>
    </border>
    <border>
      <left style="medium">
        <color auto="1"/>
      </left>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medium">
        <color auto="1"/>
      </left>
      <right style="dotted">
        <color auto="1"/>
      </right>
      <top style="medium">
        <color auto="1"/>
      </top>
      <bottom style="medium">
        <color auto="1"/>
      </bottom>
      <diagonal/>
    </border>
    <border>
      <left style="thin">
        <color indexed="64"/>
      </left>
      <right style="dotted">
        <color auto="1"/>
      </right>
      <top style="medium">
        <color auto="1"/>
      </top>
      <bottom style="medium">
        <color auto="1"/>
      </bottom>
      <diagonal/>
    </border>
    <border>
      <left style="dotted">
        <color auto="1"/>
      </left>
      <right style="medium">
        <color auto="1"/>
      </right>
      <top style="medium">
        <color auto="1"/>
      </top>
      <bottom style="medium">
        <color auto="1"/>
      </bottom>
      <diagonal/>
    </border>
    <border>
      <left style="dotted">
        <color auto="1"/>
      </left>
      <right/>
      <top style="medium">
        <color auto="1"/>
      </top>
      <bottom style="medium">
        <color auto="1"/>
      </bottom>
      <diagonal/>
    </border>
    <border>
      <left style="thin">
        <color indexed="64"/>
      </left>
      <right style="thin">
        <color indexed="64"/>
      </right>
      <top style="dotted">
        <color auto="1"/>
      </top>
      <bottom style="medium">
        <color auto="1"/>
      </bottom>
      <diagonal/>
    </border>
    <border>
      <left style="thin">
        <color auto="1"/>
      </left>
      <right style="thin">
        <color auto="1"/>
      </right>
      <top/>
      <bottom style="dotted">
        <color auto="1"/>
      </bottom>
      <diagonal/>
    </border>
    <border>
      <left style="thin">
        <color indexed="64"/>
      </left>
      <right style="thin">
        <color indexed="64"/>
      </right>
      <top style="thin">
        <color indexed="64"/>
      </top>
      <bottom style="medium">
        <color auto="1"/>
      </bottom>
      <diagonal/>
    </border>
    <border>
      <left style="thin">
        <color auto="1"/>
      </left>
      <right/>
      <top/>
      <bottom/>
      <diagonal/>
    </border>
    <border>
      <left/>
      <right style="thin">
        <color indexed="64"/>
      </right>
      <top style="medium">
        <color auto="1"/>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dotted">
        <color auto="1"/>
      </right>
      <top style="medium">
        <color auto="1"/>
      </top>
      <bottom style="medium">
        <color auto="1"/>
      </bottom>
      <diagonal/>
    </border>
    <border>
      <left/>
      <right style="dotted">
        <color auto="1"/>
      </right>
      <top style="medium">
        <color auto="1"/>
      </top>
      <bottom style="medium">
        <color auto="1"/>
      </bottom>
      <diagonal/>
    </border>
    <border>
      <left style="dotted">
        <color auto="1"/>
      </left>
      <right style="thin">
        <color auto="1"/>
      </right>
      <top style="medium">
        <color auto="1"/>
      </top>
      <bottom style="medium">
        <color auto="1"/>
      </bottom>
      <diagonal/>
    </border>
    <border>
      <left style="medium">
        <color auto="1"/>
      </left>
      <right style="dotted">
        <color auto="1"/>
      </right>
      <top style="medium">
        <color auto="1"/>
      </top>
      <bottom style="thin">
        <color auto="1"/>
      </bottom>
      <diagonal/>
    </border>
    <border>
      <left style="dotted">
        <color auto="1"/>
      </left>
      <right style="medium">
        <color auto="1"/>
      </right>
      <top style="medium">
        <color auto="1"/>
      </top>
      <bottom style="thin">
        <color auto="1"/>
      </bottom>
      <diagonal/>
    </border>
    <border>
      <left style="medium">
        <color auto="1"/>
      </left>
      <right style="dotted">
        <color auto="1"/>
      </right>
      <top style="thin">
        <color auto="1"/>
      </top>
      <bottom style="medium">
        <color auto="1"/>
      </bottom>
      <diagonal/>
    </border>
    <border>
      <left style="dotted">
        <color auto="1"/>
      </left>
      <right style="medium">
        <color auto="1"/>
      </right>
      <top style="thin">
        <color auto="1"/>
      </top>
      <bottom style="medium">
        <color auto="1"/>
      </bottom>
      <diagonal/>
    </border>
    <border>
      <left style="medium">
        <color auto="1"/>
      </left>
      <right style="dotted">
        <color auto="1"/>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top style="thin">
        <color auto="1"/>
      </top>
      <bottom style="medium">
        <color auto="1"/>
      </bottom>
      <diagonal/>
    </border>
    <border>
      <left style="medium">
        <color indexed="64"/>
      </left>
      <right style="thin">
        <color auto="1"/>
      </right>
      <top style="medium">
        <color indexed="64"/>
      </top>
      <bottom style="thin">
        <color auto="1"/>
      </bottom>
      <diagonal/>
    </border>
    <border>
      <left style="thin">
        <color auto="1"/>
      </left>
      <right/>
      <top style="medium">
        <color auto="1"/>
      </top>
      <bottom style="thin">
        <color auto="1"/>
      </bottom>
      <diagonal/>
    </border>
    <border>
      <left style="thin">
        <color auto="1"/>
      </left>
      <right/>
      <top/>
      <bottom style="thin">
        <color auto="1"/>
      </bottom>
      <diagonal/>
    </border>
    <border>
      <left style="medium">
        <color auto="1"/>
      </left>
      <right style="thin">
        <color auto="1"/>
      </right>
      <top/>
      <bottom style="thin">
        <color auto="1"/>
      </bottom>
      <diagonal/>
    </border>
    <border>
      <left style="thin">
        <color auto="1"/>
      </left>
      <right/>
      <top style="thin">
        <color auto="1"/>
      </top>
      <bottom/>
      <diagonal/>
    </border>
    <border>
      <left/>
      <right style="medium">
        <color indexed="64"/>
      </right>
      <top style="thin">
        <color auto="1"/>
      </top>
      <bottom style="thin">
        <color auto="1"/>
      </bottom>
      <diagonal/>
    </border>
    <border>
      <left/>
      <right style="medium">
        <color indexed="64"/>
      </right>
      <top style="thin">
        <color auto="1"/>
      </top>
      <bottom style="medium">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right style="medium">
        <color indexed="64"/>
      </right>
      <top style="thin">
        <color auto="1"/>
      </top>
      <bottom/>
      <diagonal/>
    </border>
    <border>
      <left/>
      <right style="medium">
        <color indexed="64"/>
      </right>
      <top/>
      <bottom style="thin">
        <color auto="1"/>
      </bottom>
      <diagonal/>
    </border>
    <border>
      <left/>
      <right/>
      <top style="thin">
        <color auto="1"/>
      </top>
      <bottom style="thin">
        <color auto="1"/>
      </bottom>
      <diagonal/>
    </border>
    <border>
      <left/>
      <right/>
      <top style="thin">
        <color auto="1"/>
      </top>
      <bottom style="medium">
        <color auto="1"/>
      </bottom>
      <diagonal/>
    </border>
    <border>
      <left style="dotted">
        <color auto="1"/>
      </left>
      <right style="dotted">
        <color auto="1"/>
      </right>
      <top style="medium">
        <color auto="1"/>
      </top>
      <bottom style="thin">
        <color auto="1"/>
      </bottom>
      <diagonal/>
    </border>
    <border>
      <left style="dotted">
        <color auto="1"/>
      </left>
      <right style="thin">
        <color auto="1"/>
      </right>
      <top style="medium">
        <color auto="1"/>
      </top>
      <bottom style="thin">
        <color auto="1"/>
      </bottom>
      <diagonal/>
    </border>
    <border>
      <left style="thin">
        <color indexed="64"/>
      </left>
      <right style="dotted">
        <color auto="1"/>
      </right>
      <top style="medium">
        <color auto="1"/>
      </top>
      <bottom style="thin">
        <color auto="1"/>
      </bottom>
      <diagonal/>
    </border>
    <border>
      <left/>
      <right style="dotted">
        <color auto="1"/>
      </right>
      <top style="medium">
        <color auto="1"/>
      </top>
      <bottom style="thin">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style="thin">
        <color auto="1"/>
      </left>
      <right style="thin">
        <color auto="1"/>
      </right>
      <top/>
      <bottom/>
      <diagonal/>
    </border>
    <border>
      <left/>
      <right style="medium">
        <color indexed="64"/>
      </right>
      <top/>
      <bottom/>
      <diagonal/>
    </border>
    <border>
      <left style="thin">
        <color auto="1"/>
      </left>
      <right style="thin">
        <color rgb="FFC00000"/>
      </right>
      <top style="thin">
        <color auto="1"/>
      </top>
      <bottom style="thin">
        <color auto="1"/>
      </bottom>
      <diagonal/>
    </border>
    <border>
      <left/>
      <right style="thin">
        <color auto="1"/>
      </right>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34">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0" fontId="2" fillId="0" borderId="0" xfId="0" applyFont="1" applyFill="1" applyBorder="1" applyAlignment="1">
      <alignment horizontal="center" vertical="center" wrapText="1"/>
    </xf>
    <xf numFmtId="49" fontId="7" fillId="0" borderId="0" xfId="5" applyNumberFormat="1" applyFont="1" applyAlignment="1">
      <alignment wrapText="1"/>
    </xf>
    <xf numFmtId="0" fontId="7" fillId="0" borderId="0" xfId="5" applyFont="1" applyAlignment="1">
      <alignment wrapText="1"/>
    </xf>
    <xf numFmtId="0" fontId="7" fillId="0" borderId="0" xfId="5" applyFont="1" applyAlignment="1">
      <alignment vertical="center" wrapText="1"/>
    </xf>
    <xf numFmtId="49" fontId="2" fillId="0" borderId="12"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10" fillId="0" borderId="0" xfId="0" applyFont="1" applyAlignment="1">
      <alignment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2" fillId="0" borderId="0" xfId="0" applyFont="1" applyAlignment="1">
      <alignment horizontal="center" vertical="top" wrapText="1"/>
    </xf>
    <xf numFmtId="0" fontId="11" fillId="0" borderId="0" xfId="0" applyFont="1" applyAlignment="1">
      <alignment horizontal="center" vertical="top" wrapText="1"/>
    </xf>
    <xf numFmtId="0" fontId="11"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9"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1"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3"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4" fontId="2" fillId="0" borderId="0" xfId="0" applyNumberFormat="1" applyFont="1" applyAlignment="1">
      <alignment horizontal="center" vertical="center" wrapText="1"/>
    </xf>
    <xf numFmtId="9" fontId="2" fillId="0" borderId="0" xfId="0" applyNumberFormat="1" applyFont="1" applyAlignment="1">
      <alignment horizontal="center" vertical="center" wrapText="1"/>
    </xf>
    <xf numFmtId="164" fontId="2" fillId="0" borderId="0" xfId="0" applyNumberFormat="1" applyFont="1" applyAlignment="1">
      <alignment horizontal="right" vertical="center" wrapText="1"/>
    </xf>
    <xf numFmtId="164" fontId="2" fillId="0" borderId="0" xfId="0" applyNumberFormat="1" applyFont="1" applyAlignment="1">
      <alignment vertical="center" wrapText="1"/>
    </xf>
    <xf numFmtId="0" fontId="2" fillId="0" borderId="0" xfId="0" applyFont="1" applyAlignment="1">
      <alignment horizontal="left"/>
    </xf>
    <xf numFmtId="0" fontId="2" fillId="0" borderId="0" xfId="0" applyFont="1" applyAlignment="1">
      <alignment horizontal="left" vertical="center"/>
    </xf>
    <xf numFmtId="0" fontId="12" fillId="0" borderId="15" xfId="0" applyFont="1" applyFill="1" applyBorder="1" applyAlignment="1">
      <alignment horizontal="center" vertical="top" wrapText="1"/>
    </xf>
    <xf numFmtId="3" fontId="2" fillId="0" borderId="0" xfId="0" applyNumberFormat="1" applyFont="1" applyFill="1" applyBorder="1" applyAlignment="1">
      <alignment horizontal="center" vertical="center" wrapText="1"/>
    </xf>
    <xf numFmtId="0" fontId="2" fillId="0" borderId="0" xfId="0" applyFont="1" applyFill="1" applyBorder="1" applyAlignment="1">
      <alignment horizontal="center" wrapText="1"/>
    </xf>
    <xf numFmtId="9" fontId="2" fillId="0" borderId="0" xfId="0" applyNumberFormat="1" applyFont="1" applyAlignment="1">
      <alignment horizontal="center" wrapText="1"/>
    </xf>
    <xf numFmtId="164" fontId="2" fillId="0" borderId="0" xfId="0" applyNumberFormat="1" applyFont="1" applyAlignment="1">
      <alignment horizontal="right" wrapText="1"/>
    </xf>
    <xf numFmtId="164" fontId="2" fillId="0" borderId="0" xfId="0" applyNumberFormat="1" applyFont="1" applyAlignment="1">
      <alignment wrapText="1"/>
    </xf>
    <xf numFmtId="0" fontId="5" fillId="0" borderId="0" xfId="0" applyFont="1" applyAlignment="1">
      <alignment horizontal="left" vertical="center"/>
    </xf>
    <xf numFmtId="0" fontId="4" fillId="0" borderId="0" xfId="0" applyFont="1" applyAlignment="1">
      <alignment wrapText="1"/>
    </xf>
    <xf numFmtId="0" fontId="3" fillId="0" borderId="0" xfId="0" applyFont="1" applyBorder="1" applyAlignment="1">
      <alignment vertical="center" wrapText="1"/>
    </xf>
    <xf numFmtId="0" fontId="3" fillId="0" borderId="0" xfId="0" applyFont="1" applyBorder="1" applyAlignment="1">
      <alignment horizontal="right" vertical="center"/>
    </xf>
    <xf numFmtId="0" fontId="2" fillId="0" borderId="0" xfId="0" applyFont="1" applyBorder="1" applyAlignment="1">
      <alignment vertical="center"/>
    </xf>
    <xf numFmtId="0" fontId="2" fillId="0" borderId="0" xfId="0" applyFont="1" applyAlignment="1">
      <alignment horizontal="right" wrapText="1"/>
    </xf>
    <xf numFmtId="0" fontId="2" fillId="0" borderId="0" xfId="0" applyFont="1" applyAlignment="1">
      <alignment horizontal="right"/>
    </xf>
    <xf numFmtId="0" fontId="2" fillId="0" borderId="0" xfId="0" applyFont="1" applyAlignment="1">
      <alignment horizontal="right" vertical="center"/>
    </xf>
    <xf numFmtId="0" fontId="2"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4" fontId="2" fillId="0" borderId="0" xfId="0" applyNumberFormat="1" applyFont="1" applyAlignment="1">
      <alignment horizontal="right" wrapText="1"/>
    </xf>
    <xf numFmtId="0" fontId="7" fillId="2" borderId="13" xfId="5" applyFont="1" applyFill="1" applyBorder="1" applyAlignment="1">
      <alignment horizontal="right" vertical="center" wrapText="1"/>
    </xf>
    <xf numFmtId="0" fontId="12" fillId="2" borderId="13" xfId="0" applyNumberFormat="1" applyFont="1" applyFill="1" applyBorder="1" applyAlignment="1">
      <alignment horizontal="left" vertical="center" wrapText="1"/>
    </xf>
    <xf numFmtId="0" fontId="7" fillId="2" borderId="13" xfId="0" applyNumberFormat="1" applyFont="1" applyFill="1" applyBorder="1" applyAlignment="1">
      <alignment horizontal="left" vertical="center" wrapText="1"/>
    </xf>
    <xf numFmtId="49" fontId="2" fillId="0" borderId="7" xfId="0" applyNumberFormat="1" applyFont="1" applyFill="1" applyBorder="1" applyAlignment="1">
      <alignment horizontal="center" vertical="center" wrapText="1"/>
    </xf>
    <xf numFmtId="49" fontId="4" fillId="0" borderId="13"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5" fillId="0" borderId="0" xfId="0" applyFont="1" applyAlignment="1">
      <alignment vertical="center"/>
    </xf>
    <xf numFmtId="0" fontId="12" fillId="2" borderId="25" xfId="0" applyFont="1" applyFill="1" applyBorder="1" applyAlignment="1">
      <alignment horizontal="center" vertical="top" wrapText="1"/>
    </xf>
    <xf numFmtId="0" fontId="12" fillId="2" borderId="36" xfId="0" applyFont="1" applyFill="1" applyBorder="1" applyAlignment="1">
      <alignment horizontal="center" vertical="top" wrapText="1"/>
    </xf>
    <xf numFmtId="9" fontId="12" fillId="2" borderId="36" xfId="0" applyNumberFormat="1" applyFont="1" applyFill="1" applyBorder="1" applyAlignment="1">
      <alignment horizontal="center" vertical="top" wrapText="1"/>
    </xf>
    <xf numFmtId="164" fontId="12" fillId="2" borderId="36" xfId="0" applyNumberFormat="1" applyFont="1" applyFill="1" applyBorder="1" applyAlignment="1">
      <alignment horizontal="center" vertical="top" wrapText="1"/>
    </xf>
    <xf numFmtId="164" fontId="12" fillId="2" borderId="27" xfId="0" applyNumberFormat="1" applyFont="1" applyFill="1" applyBorder="1" applyAlignment="1">
      <alignment horizontal="center" vertical="top" wrapText="1"/>
    </xf>
    <xf numFmtId="164" fontId="12" fillId="2" borderId="37" xfId="0" applyNumberFormat="1" applyFont="1" applyFill="1" applyBorder="1" applyAlignment="1">
      <alignment horizontal="center" vertical="top" wrapText="1"/>
    </xf>
    <xf numFmtId="164" fontId="12" fillId="2" borderId="26" xfId="0" applyNumberFormat="1" applyFont="1" applyFill="1" applyBorder="1" applyAlignment="1">
      <alignment horizontal="center" vertical="top" wrapText="1"/>
    </xf>
    <xf numFmtId="164" fontId="12" fillId="2" borderId="38" xfId="0" applyNumberFormat="1" applyFont="1" applyFill="1" applyBorder="1" applyAlignment="1">
      <alignment horizontal="center" vertical="top" wrapText="1"/>
    </xf>
    <xf numFmtId="16" fontId="5" fillId="0" borderId="0" xfId="0" applyNumberFormat="1" applyFont="1" applyFill="1" applyAlignment="1">
      <alignment horizontal="left" vertical="top" wrapText="1"/>
    </xf>
    <xf numFmtId="0" fontId="2" fillId="0" borderId="39" xfId="0" applyFont="1" applyBorder="1" applyAlignment="1">
      <alignment horizontal="center" vertical="center" wrapText="1"/>
    </xf>
    <xf numFmtId="0" fontId="2" fillId="0" borderId="43" xfId="0" applyFont="1" applyBorder="1" applyAlignment="1">
      <alignment horizontal="center" vertical="center" wrapText="1"/>
    </xf>
    <xf numFmtId="3" fontId="14" fillId="0" borderId="13" xfId="0" applyNumberFormat="1" applyFont="1" applyFill="1" applyBorder="1" applyAlignment="1">
      <alignment horizontal="center" vertical="center" wrapText="1"/>
    </xf>
    <xf numFmtId="0" fontId="4" fillId="0" borderId="30" xfId="0" applyFont="1" applyFill="1" applyBorder="1" applyAlignment="1">
      <alignment horizontal="left" vertical="center" wrapText="1"/>
    </xf>
    <xf numFmtId="0" fontId="5" fillId="0" borderId="29" xfId="0" applyFont="1" applyFill="1" applyBorder="1" applyAlignment="1">
      <alignment horizontal="left" vertical="center" wrapText="1"/>
    </xf>
    <xf numFmtId="165" fontId="3" fillId="2" borderId="25" xfId="0" applyNumberFormat="1" applyFont="1" applyFill="1" applyBorder="1" applyAlignment="1">
      <alignment horizontal="right" vertical="center" wrapText="1"/>
    </xf>
    <xf numFmtId="165" fontId="3" fillId="2" borderId="27" xfId="0" applyNumberFormat="1"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2" fillId="0" borderId="13"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0" fontId="2" fillId="0" borderId="23" xfId="0" applyNumberFormat="1" applyFont="1" applyBorder="1" applyAlignment="1">
      <alignment horizontal="center" vertical="center" wrapText="1"/>
    </xf>
    <xf numFmtId="0" fontId="2" fillId="0" borderId="19" xfId="0" applyNumberFormat="1" applyFont="1" applyBorder="1" applyAlignment="1">
      <alignment horizontal="center" vertical="center" wrapText="1"/>
    </xf>
    <xf numFmtId="0" fontId="12" fillId="2" borderId="25" xfId="0" applyFont="1" applyFill="1" applyBorder="1" applyAlignment="1">
      <alignment horizontal="left" vertical="top" wrapText="1"/>
    </xf>
    <xf numFmtId="0" fontId="12" fillId="2" borderId="26" xfId="0" applyFont="1" applyFill="1" applyBorder="1" applyAlignment="1">
      <alignment horizontal="center" vertical="top" wrapText="1"/>
    </xf>
    <xf numFmtId="0" fontId="12" fillId="2" borderId="27" xfId="0" applyFont="1" applyFill="1" applyBorder="1" applyAlignment="1">
      <alignment horizontal="center" vertical="top" wrapText="1"/>
    </xf>
    <xf numFmtId="0" fontId="2" fillId="0" borderId="46" xfId="0" applyFont="1" applyBorder="1" applyAlignment="1">
      <alignment horizontal="center" vertical="center" wrapText="1"/>
    </xf>
    <xf numFmtId="0" fontId="2" fillId="0" borderId="40" xfId="0" applyFont="1" applyBorder="1" applyAlignment="1">
      <alignment horizontal="center" vertical="center" wrapText="1"/>
    </xf>
    <xf numFmtId="0" fontId="2" fillId="0" borderId="8" xfId="0" applyFont="1" applyBorder="1" applyAlignment="1">
      <alignment horizontal="center" vertical="center" wrapText="1"/>
    </xf>
    <xf numFmtId="0" fontId="2" fillId="0" borderId="44" xfId="0" applyFont="1" applyBorder="1" applyAlignment="1">
      <alignment horizontal="center" vertical="center" wrapText="1"/>
    </xf>
    <xf numFmtId="0" fontId="2" fillId="0" borderId="14" xfId="0" applyFont="1" applyBorder="1" applyAlignment="1">
      <alignment horizontal="center" vertical="center" wrapText="1"/>
    </xf>
    <xf numFmtId="164" fontId="2" fillId="0" borderId="41" xfId="0" applyNumberFormat="1" applyFont="1" applyBorder="1" applyAlignment="1">
      <alignment horizontal="center" vertical="center" wrapText="1"/>
    </xf>
    <xf numFmtId="0" fontId="2" fillId="0" borderId="42" xfId="0" applyFont="1" applyBorder="1" applyAlignment="1">
      <alignment horizontal="center" vertical="center" wrapText="1"/>
    </xf>
    <xf numFmtId="0" fontId="2" fillId="0" borderId="13" xfId="0" applyFont="1" applyFill="1" applyBorder="1" applyAlignment="1">
      <alignment horizontal="center" vertical="center" wrapText="1"/>
    </xf>
    <xf numFmtId="49" fontId="2" fillId="0" borderId="50" xfId="0" applyNumberFormat="1" applyFont="1" applyBorder="1" applyAlignment="1">
      <alignment horizontal="center" vertical="center" wrapText="1"/>
    </xf>
    <xf numFmtId="49" fontId="2" fillId="0" borderId="55" xfId="0" applyNumberFormat="1" applyFont="1" applyBorder="1" applyAlignment="1">
      <alignment horizontal="center" vertical="center" wrapText="1"/>
    </xf>
    <xf numFmtId="49" fontId="2" fillId="0" borderId="8" xfId="0" applyNumberFormat="1" applyFont="1" applyBorder="1" applyAlignment="1">
      <alignment horizontal="right" vertical="center"/>
    </xf>
    <xf numFmtId="49" fontId="5" fillId="5" borderId="10" xfId="0" applyNumberFormat="1" applyFont="1" applyFill="1" applyBorder="1" applyAlignment="1">
      <alignment vertical="center" wrapText="1"/>
    </xf>
    <xf numFmtId="49" fontId="2" fillId="0" borderId="4" xfId="0" applyNumberFormat="1" applyFont="1" applyBorder="1" applyAlignment="1">
      <alignment horizontal="center" vertical="center" wrapText="1"/>
    </xf>
    <xf numFmtId="49" fontId="2" fillId="0" borderId="51" xfId="0" applyNumberFormat="1" applyFont="1" applyBorder="1" applyAlignment="1">
      <alignment horizontal="center" vertical="center" wrapText="1"/>
    </xf>
    <xf numFmtId="0" fontId="2" fillId="0" borderId="61" xfId="0" applyFont="1" applyBorder="1" applyAlignment="1">
      <alignment horizontal="center" vertical="center" wrapText="1"/>
    </xf>
    <xf numFmtId="3" fontId="4" fillId="0" borderId="40" xfId="0" applyNumberFormat="1" applyFont="1" applyFill="1" applyBorder="1" applyAlignment="1">
      <alignment horizontal="center" vertical="center" wrapText="1"/>
    </xf>
    <xf numFmtId="0" fontId="2" fillId="0" borderId="59" xfId="0" applyFont="1" applyBorder="1" applyAlignment="1">
      <alignment horizontal="center" vertical="center" wrapText="1"/>
    </xf>
    <xf numFmtId="165" fontId="2" fillId="0" borderId="61" xfId="0" applyNumberFormat="1" applyFont="1" applyBorder="1" applyAlignment="1">
      <alignment horizontal="right" vertical="center" wrapText="1"/>
    </xf>
    <xf numFmtId="9" fontId="2" fillId="0" borderId="59" xfId="0" applyNumberFormat="1" applyFont="1" applyBorder="1" applyAlignment="1">
      <alignment horizontal="center" vertical="center" wrapText="1"/>
    </xf>
    <xf numFmtId="165" fontId="2" fillId="0" borderId="59" xfId="0" applyNumberFormat="1" applyFont="1" applyBorder="1" applyAlignment="1">
      <alignment horizontal="right" vertical="center" wrapText="1"/>
    </xf>
    <xf numFmtId="165" fontId="2" fillId="0" borderId="60" xfId="0" applyNumberFormat="1" applyFont="1" applyBorder="1" applyAlignment="1">
      <alignment horizontal="right" vertical="center" wrapText="1"/>
    </xf>
    <xf numFmtId="165" fontId="2" fillId="0" borderId="62" xfId="0" applyNumberFormat="1" applyFont="1" applyBorder="1" applyAlignment="1">
      <alignment horizontal="right" vertical="center" wrapText="1"/>
    </xf>
    <xf numFmtId="165" fontId="2" fillId="0" borderId="40" xfId="0" applyNumberFormat="1" applyFont="1" applyBorder="1" applyAlignment="1">
      <alignment horizontal="right" vertical="center" wrapText="1"/>
    </xf>
    <xf numFmtId="0" fontId="2" fillId="0" borderId="9" xfId="0" applyFont="1" applyFill="1" applyBorder="1" applyAlignment="1">
      <alignment horizontal="left" vertical="center" wrapText="1"/>
    </xf>
    <xf numFmtId="0" fontId="2" fillId="0" borderId="53" xfId="0" applyNumberFormat="1" applyFont="1" applyBorder="1" applyAlignment="1">
      <alignment horizontal="center" vertical="center" wrapText="1"/>
    </xf>
    <xf numFmtId="0" fontId="2" fillId="0" borderId="50" xfId="0" applyFont="1" applyFill="1" applyBorder="1" applyAlignment="1">
      <alignment horizontal="left" vertical="center" wrapText="1"/>
    </xf>
    <xf numFmtId="0" fontId="2" fillId="0" borderId="55" xfId="0" applyFont="1" applyFill="1" applyBorder="1" applyAlignment="1">
      <alignment horizontal="left" vertical="center" wrapText="1"/>
    </xf>
    <xf numFmtId="49" fontId="2" fillId="0" borderId="8" xfId="0" applyNumberFormat="1" applyFont="1" applyBorder="1" applyAlignment="1">
      <alignment horizontal="left" vertical="center"/>
    </xf>
    <xf numFmtId="49" fontId="5" fillId="0" borderId="57" xfId="0" applyNumberFormat="1" applyFont="1" applyFill="1" applyBorder="1" applyAlignment="1">
      <alignment horizontal="center" vertical="center" wrapText="1"/>
    </xf>
    <xf numFmtId="49" fontId="5" fillId="0" borderId="51" xfId="0" applyNumberFormat="1" applyFont="1" applyFill="1" applyBorder="1" applyAlignment="1">
      <alignment horizontal="center" vertical="center" wrapText="1"/>
    </xf>
    <xf numFmtId="0" fontId="2" fillId="0" borderId="0" xfId="0" applyFont="1" applyBorder="1" applyAlignment="1">
      <alignment vertical="center" wrapText="1"/>
    </xf>
    <xf numFmtId="0" fontId="4" fillId="0" borderId="9" xfId="0" applyFont="1" applyFill="1" applyBorder="1" applyAlignment="1">
      <alignment horizontal="left" vertical="center" wrapText="1"/>
    </xf>
    <xf numFmtId="0" fontId="17" fillId="0" borderId="9" xfId="0" applyFont="1" applyFill="1" applyBorder="1" applyAlignment="1">
      <alignment horizontal="left" vertical="center" wrapText="1"/>
    </xf>
    <xf numFmtId="0" fontId="2" fillId="0" borderId="68" xfId="0" applyNumberFormat="1" applyFont="1" applyBorder="1" applyAlignment="1">
      <alignment horizontal="center" vertical="center" wrapText="1"/>
    </xf>
    <xf numFmtId="0" fontId="2" fillId="0" borderId="32" xfId="0" applyFont="1" applyFill="1" applyBorder="1" applyAlignment="1">
      <alignment horizontal="left" vertical="center" wrapText="1"/>
    </xf>
    <xf numFmtId="0" fontId="2" fillId="0" borderId="69" xfId="0" applyFont="1" applyFill="1" applyBorder="1" applyAlignment="1">
      <alignment horizontal="left" vertical="center" wrapText="1"/>
    </xf>
    <xf numFmtId="0" fontId="17" fillId="6" borderId="9" xfId="0" applyFont="1" applyFill="1" applyBorder="1" applyAlignment="1">
      <alignment horizontal="left" vertical="center" wrapText="1"/>
    </xf>
    <xf numFmtId="0" fontId="17" fillId="0" borderId="13" xfId="0" applyFont="1" applyFill="1" applyBorder="1" applyAlignment="1">
      <alignment horizontal="left" vertical="center" wrapText="1"/>
    </xf>
    <xf numFmtId="49" fontId="2" fillId="0" borderId="14" xfId="0" applyNumberFormat="1" applyFont="1" applyFill="1" applyBorder="1" applyAlignment="1">
      <alignment horizontal="center" vertical="center" wrapText="1"/>
    </xf>
    <xf numFmtId="0" fontId="2" fillId="0" borderId="39" xfId="0" applyFont="1" applyFill="1" applyBorder="1" applyAlignment="1">
      <alignment horizontal="center" vertical="center" wrapText="1"/>
    </xf>
    <xf numFmtId="0" fontId="2" fillId="0" borderId="0" xfId="0" applyFont="1" applyAlignment="1">
      <alignment horizontal="center" vertical="center" wrapText="1"/>
    </xf>
    <xf numFmtId="49" fontId="2" fillId="0" borderId="8" xfId="0" applyNumberFormat="1" applyFont="1" applyFill="1" applyBorder="1" applyAlignment="1">
      <alignment horizontal="left" vertical="center" wrapText="1"/>
    </xf>
    <xf numFmtId="49" fontId="2" fillId="0" borderId="49" xfId="0" applyNumberFormat="1" applyFont="1" applyFill="1" applyBorder="1" applyAlignment="1">
      <alignment horizontal="left" vertical="center" wrapText="1"/>
    </xf>
    <xf numFmtId="49" fontId="4" fillId="0" borderId="5" xfId="0" applyNumberFormat="1" applyFont="1" applyFill="1" applyBorder="1" applyAlignment="1">
      <alignment horizontal="left" vertical="center" wrapText="1"/>
    </xf>
    <xf numFmtId="0" fontId="2" fillId="0" borderId="5" xfId="0" applyNumberFormat="1" applyFont="1" applyBorder="1" applyAlignment="1">
      <alignment horizontal="center" vertical="center" wrapText="1"/>
    </xf>
    <xf numFmtId="0" fontId="4" fillId="0" borderId="70" xfId="0" applyFont="1" applyFill="1" applyBorder="1" applyAlignment="1">
      <alignment horizontal="left" vertical="center" wrapText="1"/>
    </xf>
    <xf numFmtId="0" fontId="12" fillId="2" borderId="37" xfId="0" applyFont="1" applyFill="1" applyBorder="1" applyAlignment="1">
      <alignment horizontal="center" vertical="top" wrapText="1"/>
    </xf>
    <xf numFmtId="0" fontId="2" fillId="0" borderId="62" xfId="0" applyFont="1" applyBorder="1" applyAlignment="1">
      <alignment horizontal="center" vertical="center" wrapText="1"/>
    </xf>
    <xf numFmtId="0" fontId="2" fillId="0" borderId="0" xfId="0" applyFont="1" applyBorder="1" applyAlignment="1">
      <alignment horizontal="center" vertical="center" wrapText="1"/>
    </xf>
    <xf numFmtId="0" fontId="2" fillId="0" borderId="13"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4" xfId="0" applyFont="1" applyFill="1" applyBorder="1" applyAlignment="1">
      <alignment horizontal="center" vertical="center" wrapText="1"/>
    </xf>
    <xf numFmtId="0" fontId="2" fillId="0" borderId="51"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9" xfId="0" applyFont="1" applyFill="1" applyBorder="1" applyAlignment="1">
      <alignment horizontal="center" vertical="center" wrapText="1"/>
    </xf>
    <xf numFmtId="0" fontId="2" fillId="0" borderId="45" xfId="0" applyFont="1" applyFill="1" applyBorder="1" applyAlignment="1">
      <alignment horizontal="left" vertical="center" wrapText="1"/>
    </xf>
    <xf numFmtId="0" fontId="2" fillId="0" borderId="52" xfId="0" applyFont="1" applyFill="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34" xfId="0" applyFont="1" applyFill="1" applyBorder="1" applyAlignment="1">
      <alignment horizontal="left" vertical="center" wrapText="1"/>
    </xf>
    <xf numFmtId="0" fontId="2" fillId="0" borderId="35"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66"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67" xfId="0" applyNumberFormat="1" applyFont="1" applyFill="1" applyBorder="1" applyAlignment="1">
      <alignment horizontal="left" vertical="top" wrapText="1"/>
    </xf>
    <xf numFmtId="0" fontId="3" fillId="2" borderId="63" xfId="0" applyFont="1" applyFill="1" applyBorder="1" applyAlignment="1">
      <alignment horizontal="center" vertical="top" wrapText="1"/>
    </xf>
    <xf numFmtId="0" fontId="3" fillId="2" borderId="64" xfId="0" applyFont="1" applyFill="1" applyBorder="1" applyAlignment="1">
      <alignment horizontal="center" vertical="top" wrapText="1"/>
    </xf>
    <xf numFmtId="0" fontId="3" fillId="2" borderId="65"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3" xfId="0" applyNumberFormat="1" applyFont="1" applyFill="1" applyBorder="1" applyAlignment="1">
      <alignment horizontal="center" vertical="center" wrapText="1"/>
    </xf>
    <xf numFmtId="0" fontId="2" fillId="0" borderId="0" xfId="0" applyFont="1" applyFill="1" applyAlignment="1">
      <alignment horizontal="center" vertical="top" wrapText="1"/>
    </xf>
    <xf numFmtId="0" fontId="2" fillId="0" borderId="53" xfId="0" applyNumberFormat="1" applyFont="1" applyBorder="1" applyAlignment="1">
      <alignment horizontal="center" vertical="center" wrapText="1"/>
    </xf>
    <xf numFmtId="0" fontId="2" fillId="0" borderId="68" xfId="0" applyNumberFormat="1" applyFont="1" applyBorder="1" applyAlignment="1">
      <alignment horizontal="center" vertical="center" wrapText="1"/>
    </xf>
    <xf numFmtId="0" fontId="2" fillId="0" borderId="71" xfId="0" applyNumberFormat="1" applyFont="1" applyBorder="1" applyAlignment="1">
      <alignment horizontal="center" vertical="center" wrapText="1"/>
    </xf>
    <xf numFmtId="0" fontId="2" fillId="0" borderId="50" xfId="0" applyFont="1" applyFill="1" applyBorder="1" applyAlignment="1">
      <alignment horizontal="left" vertical="center" wrapText="1"/>
    </xf>
    <xf numFmtId="0" fontId="2" fillId="0" borderId="55"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69" xfId="0" applyFont="1" applyFill="1" applyBorder="1" applyAlignment="1">
      <alignment horizontal="left" vertical="center" wrapText="1"/>
    </xf>
    <xf numFmtId="0" fontId="2" fillId="0" borderId="48" xfId="0" applyFont="1" applyFill="1" applyBorder="1" applyAlignment="1">
      <alignment horizontal="left" vertical="center" wrapText="1"/>
    </xf>
    <xf numFmtId="0" fontId="2" fillId="0" borderId="56" xfId="0" applyFont="1" applyFill="1" applyBorder="1" applyAlignment="1">
      <alignment horizontal="left" vertical="center" wrapText="1"/>
    </xf>
    <xf numFmtId="0" fontId="13" fillId="0" borderId="6" xfId="0" applyFont="1" applyBorder="1" applyAlignment="1">
      <alignment horizontal="center"/>
    </xf>
    <xf numFmtId="0" fontId="12"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12" fillId="0" borderId="0" xfId="5" applyFont="1" applyAlignment="1">
      <alignment horizontal="center" vertical="center" wrapText="1"/>
    </xf>
    <xf numFmtId="0" fontId="2" fillId="0" borderId="54" xfId="0" applyNumberFormat="1" applyFont="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top" wrapText="1"/>
    </xf>
    <xf numFmtId="49" fontId="5" fillId="0" borderId="57" xfId="0" applyNumberFormat="1" applyFont="1" applyFill="1" applyBorder="1" applyAlignment="1">
      <alignment horizontal="center" vertical="center" wrapText="1"/>
    </xf>
    <xf numFmtId="49" fontId="5" fillId="0" borderId="51" xfId="0" applyNumberFormat="1" applyFont="1" applyFill="1" applyBorder="1" applyAlignment="1">
      <alignment horizontal="center" vertical="center" wrapText="1"/>
    </xf>
    <xf numFmtId="16" fontId="3" fillId="0" borderId="0" xfId="0" applyNumberFormat="1" applyFont="1" applyFill="1" applyAlignment="1">
      <alignment horizontal="left" vertical="top" wrapText="1"/>
    </xf>
    <xf numFmtId="0" fontId="5" fillId="0" borderId="0" xfId="0" applyNumberFormat="1" applyFont="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3" fillId="2" borderId="18" xfId="0" applyNumberFormat="1" applyFont="1" applyFill="1" applyBorder="1" applyAlignment="1">
      <alignment horizontal="left" vertical="top" wrapText="1"/>
    </xf>
    <xf numFmtId="49" fontId="3" fillId="2" borderId="2" xfId="0" applyNumberFormat="1" applyFont="1" applyFill="1" applyBorder="1" applyAlignment="1">
      <alignment horizontal="left" vertical="top" wrapText="1"/>
    </xf>
    <xf numFmtId="49" fontId="2" fillId="2" borderId="20" xfId="0" applyNumberFormat="1" applyFont="1" applyFill="1" applyBorder="1" applyAlignment="1">
      <alignment horizontal="center" vertical="center" wrapText="1"/>
    </xf>
    <xf numFmtId="49" fontId="2" fillId="2" borderId="21"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4" xfId="0" applyFont="1" applyFill="1" applyBorder="1" applyAlignment="1">
      <alignment horizontal="left" vertical="top" wrapText="1"/>
    </xf>
    <xf numFmtId="0" fontId="2" fillId="3" borderId="5" xfId="0" applyFont="1" applyFill="1" applyBorder="1" applyAlignment="1">
      <alignment horizontal="left" vertical="top" wrapText="1"/>
    </xf>
    <xf numFmtId="0" fontId="4" fillId="0" borderId="4" xfId="0" applyFont="1" applyFill="1" applyBorder="1" applyAlignment="1">
      <alignment horizontal="left" vertical="center" wrapText="1"/>
    </xf>
    <xf numFmtId="0" fontId="4" fillId="0" borderId="5" xfId="0" applyFont="1" applyFill="1" applyBorder="1" applyAlignment="1">
      <alignment horizontal="left" vertical="center" wrapText="1"/>
    </xf>
    <xf numFmtId="0" fontId="6" fillId="0" borderId="0" xfId="4" applyFont="1" applyAlignment="1">
      <alignment horizontal="left" vertical="center" wrapText="1"/>
    </xf>
    <xf numFmtId="49" fontId="4" fillId="0" borderId="0" xfId="1" applyNumberFormat="1" applyFont="1" applyBorder="1" applyAlignment="1">
      <alignment horizontal="left" vertical="top" wrapText="1"/>
    </xf>
    <xf numFmtId="49" fontId="5" fillId="5" borderId="17"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2" fillId="0" borderId="13"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0" fontId="2" fillId="0" borderId="22"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51" xfId="0" applyFont="1" applyFill="1" applyBorder="1" applyAlignment="1">
      <alignment horizontal="left" vertical="center" wrapText="1"/>
    </xf>
    <xf numFmtId="49" fontId="2" fillId="0" borderId="4" xfId="0" applyNumberFormat="1" applyFont="1" applyBorder="1" applyAlignment="1">
      <alignment horizontal="center" vertical="center" wrapText="1"/>
    </xf>
    <xf numFmtId="49" fontId="2" fillId="0" borderId="51" xfId="0" applyNumberFormat="1" applyFont="1" applyBorder="1" applyAlignment="1">
      <alignment horizontal="center" vertical="center" wrapText="1"/>
    </xf>
    <xf numFmtId="0" fontId="12" fillId="2" borderId="32" xfId="0" applyNumberFormat="1" applyFont="1" applyFill="1" applyBorder="1" applyAlignment="1">
      <alignment horizontal="left" vertical="center" wrapText="1"/>
    </xf>
    <xf numFmtId="0" fontId="12" fillId="2" borderId="0" xfId="0" applyNumberFormat="1" applyFont="1" applyFill="1" applyBorder="1" applyAlignment="1">
      <alignment horizontal="left" vertical="center" wrapText="1"/>
    </xf>
    <xf numFmtId="0" fontId="3" fillId="4" borderId="0" xfId="0" applyFont="1" applyFill="1" applyAlignment="1">
      <alignment horizontal="left" vertical="center" wrapText="1"/>
    </xf>
    <xf numFmtId="0" fontId="12" fillId="2" borderId="28" xfId="0" applyFont="1" applyFill="1" applyBorder="1" applyAlignment="1">
      <alignment horizontal="center" vertical="top" wrapText="1"/>
    </xf>
    <xf numFmtId="0" fontId="12" fillId="2" borderId="33" xfId="0" applyFont="1" applyFill="1" applyBorder="1" applyAlignment="1">
      <alignment horizontal="center" vertical="top" wrapText="1"/>
    </xf>
    <xf numFmtId="0" fontId="2" fillId="0" borderId="47" xfId="0" applyFont="1" applyBorder="1" applyAlignment="1">
      <alignment horizontal="left" vertical="center" wrapText="1"/>
    </xf>
    <xf numFmtId="0" fontId="2" fillId="0" borderId="17" xfId="0" applyFont="1" applyBorder="1" applyAlignment="1">
      <alignment horizontal="left" vertical="center" wrapText="1"/>
    </xf>
    <xf numFmtId="0" fontId="2" fillId="0" borderId="11" xfId="0" applyFont="1" applyBorder="1" applyAlignment="1">
      <alignment horizontal="left" vertical="center" wrapText="1"/>
    </xf>
    <xf numFmtId="0" fontId="2" fillId="0" borderId="4" xfId="0" applyFont="1" applyBorder="1" applyAlignment="1">
      <alignment horizontal="left" vertical="center" wrapText="1"/>
    </xf>
    <xf numFmtId="0" fontId="2" fillId="0" borderId="57" xfId="0" applyFont="1" applyBorder="1" applyAlignment="1">
      <alignment horizontal="left" vertical="center" wrapText="1"/>
    </xf>
    <xf numFmtId="0" fontId="2" fillId="0" borderId="51" xfId="0" applyFont="1" applyBorder="1" applyAlignment="1">
      <alignment horizontal="left" vertical="center" wrapText="1"/>
    </xf>
    <xf numFmtId="0" fontId="2" fillId="0" borderId="45" xfId="0" applyFont="1" applyBorder="1" applyAlignment="1">
      <alignment horizontal="left" vertical="center" wrapText="1"/>
    </xf>
    <xf numFmtId="0" fontId="2" fillId="0" borderId="58" xfId="0" applyFont="1" applyBorder="1" applyAlignment="1">
      <alignment horizontal="left" vertical="center" wrapText="1"/>
    </xf>
    <xf numFmtId="0" fontId="2" fillId="0" borderId="52" xfId="0" applyFont="1" applyBorder="1" applyAlignment="1">
      <alignment horizontal="left" vertical="center" wrapText="1"/>
    </xf>
    <xf numFmtId="0" fontId="4" fillId="0" borderId="59" xfId="0" applyFont="1" applyFill="1" applyBorder="1" applyAlignment="1">
      <alignment horizontal="left" vertical="center" wrapText="1"/>
    </xf>
    <xf numFmtId="0" fontId="4" fillId="0" borderId="60" xfId="0" applyFont="1" applyFill="1" applyBorder="1" applyAlignment="1">
      <alignment horizontal="left"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2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38175</xdr:colOff>
          <xdr:row>23</xdr:row>
          <xdr:rowOff>0</xdr:rowOff>
        </xdr:from>
        <xdr:to>
          <xdr:col>0</xdr:col>
          <xdr:colOff>885825</xdr:colOff>
          <xdr:row>23</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xmlns=""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8175</xdr:colOff>
          <xdr:row>24</xdr:row>
          <xdr:rowOff>9525</xdr:rowOff>
        </xdr:from>
        <xdr:to>
          <xdr:col>0</xdr:col>
          <xdr:colOff>885825</xdr:colOff>
          <xdr:row>24</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xmlns=""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8175</xdr:colOff>
          <xdr:row>30</xdr:row>
          <xdr:rowOff>9525</xdr:rowOff>
        </xdr:from>
        <xdr:to>
          <xdr:col>0</xdr:col>
          <xdr:colOff>885825</xdr:colOff>
          <xdr:row>30</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xmlns=""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38175</xdr:colOff>
          <xdr:row>31</xdr:row>
          <xdr:rowOff>0</xdr:rowOff>
        </xdr:from>
        <xdr:to>
          <xdr:col>0</xdr:col>
          <xdr:colOff>88582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xmlns=""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M175"/>
  <sheetViews>
    <sheetView showGridLines="0" tabSelected="1" topLeftCell="A139" zoomScale="141" zoomScaleNormal="125" workbookViewId="0">
      <selection activeCell="G146" sqref="G146"/>
    </sheetView>
  </sheetViews>
  <sheetFormatPr defaultColWidth="9.140625" defaultRowHeight="12.75" x14ac:dyDescent="0.2"/>
  <cols>
    <col min="1" max="1" width="13.42578125" style="1" customWidth="1"/>
    <col min="2" max="2" width="70.42578125" style="1" customWidth="1"/>
    <col min="3" max="3" width="16.42578125" style="8" customWidth="1"/>
    <col min="4" max="4" width="13.7109375" style="8" customWidth="1"/>
    <col min="5" max="5" width="19.7109375" style="2" customWidth="1"/>
    <col min="6" max="6" width="17.140625" style="1" customWidth="1"/>
    <col min="7" max="7" width="9.140625" style="1"/>
    <col min="8" max="8" width="9.140625" style="1" customWidth="1"/>
    <col min="9" max="16384" width="9.140625" style="1"/>
  </cols>
  <sheetData>
    <row r="1" spans="1:5" ht="24" customHeight="1" x14ac:dyDescent="0.2">
      <c r="A1" s="157" t="s">
        <v>62</v>
      </c>
      <c r="B1" s="157"/>
      <c r="C1" s="157"/>
      <c r="D1" s="157"/>
      <c r="E1" s="157"/>
    </row>
    <row r="2" spans="1:5" ht="27.75" customHeight="1" x14ac:dyDescent="0.2">
      <c r="A2" s="156" t="s">
        <v>60</v>
      </c>
      <c r="B2" s="156"/>
      <c r="C2" s="156"/>
      <c r="D2" s="156"/>
      <c r="E2" s="156"/>
    </row>
    <row r="3" spans="1:5" ht="54.75" customHeight="1" x14ac:dyDescent="0.2">
      <c r="A3" s="172" t="s">
        <v>66</v>
      </c>
      <c r="B3" s="172"/>
      <c r="C3" s="172"/>
      <c r="D3" s="172"/>
      <c r="E3" s="172"/>
    </row>
    <row r="4" spans="1:5" ht="24.95" customHeight="1" x14ac:dyDescent="0.2">
      <c r="A4" s="68" t="s">
        <v>65</v>
      </c>
      <c r="B4" s="69"/>
      <c r="C4" s="64"/>
      <c r="D4" s="64"/>
      <c r="E4" s="64"/>
    </row>
    <row r="5" spans="1:5" ht="24.95" customHeight="1" x14ac:dyDescent="0.2">
      <c r="A5" s="68" t="s">
        <v>63</v>
      </c>
      <c r="B5" s="70"/>
      <c r="C5" s="64"/>
      <c r="D5" s="64"/>
      <c r="E5" s="64"/>
    </row>
    <row r="6" spans="1:5" ht="5.0999999999999996" customHeight="1" x14ac:dyDescent="0.2">
      <c r="A6" s="64"/>
      <c r="B6" s="64"/>
      <c r="C6" s="64"/>
      <c r="D6" s="64"/>
      <c r="E6" s="64"/>
    </row>
    <row r="7" spans="1:5" s="2" customFormat="1" ht="20.100000000000001" customHeight="1" x14ac:dyDescent="0.25">
      <c r="A7" s="162" t="s">
        <v>4</v>
      </c>
      <c r="B7" s="162"/>
      <c r="C7" s="162"/>
      <c r="D7" s="162"/>
      <c r="E7" s="162"/>
    </row>
    <row r="8" spans="1:5" s="2" customFormat="1" ht="20.100000000000001" customHeight="1" x14ac:dyDescent="0.25">
      <c r="A8" s="193" t="s">
        <v>8</v>
      </c>
      <c r="B8" s="193"/>
      <c r="C8" s="193"/>
      <c r="D8" s="193"/>
      <c r="E8" s="193"/>
    </row>
    <row r="9" spans="1:5" ht="24.95" customHeight="1" x14ac:dyDescent="0.2">
      <c r="A9" s="194" t="s">
        <v>253</v>
      </c>
      <c r="B9" s="195"/>
      <c r="C9" s="195"/>
      <c r="D9" s="195"/>
      <c r="E9" s="195"/>
    </row>
    <row r="10" spans="1:5" ht="4.5" customHeight="1" x14ac:dyDescent="0.2">
      <c r="A10" s="66"/>
      <c r="B10" s="66"/>
      <c r="C10" s="66"/>
      <c r="D10" s="66"/>
      <c r="E10" s="66"/>
    </row>
    <row r="11" spans="1:5" s="2" customFormat="1" ht="20.100000000000001" customHeight="1" x14ac:dyDescent="0.25">
      <c r="A11" s="196" t="s">
        <v>9</v>
      </c>
      <c r="B11" s="196"/>
      <c r="C11" s="196"/>
      <c r="D11" s="196"/>
      <c r="E11" s="196"/>
    </row>
    <row r="12" spans="1:5" s="2" customFormat="1" ht="20.100000000000001" customHeight="1" x14ac:dyDescent="0.25">
      <c r="A12" s="190" t="s">
        <v>82</v>
      </c>
      <c r="B12" s="190"/>
      <c r="C12" s="190"/>
      <c r="D12" s="83"/>
      <c r="E12" s="83"/>
    </row>
    <row r="13" spans="1:5" s="3" customFormat="1" ht="20.100000000000001" customHeight="1" x14ac:dyDescent="0.25">
      <c r="A13" s="190" t="s">
        <v>26</v>
      </c>
      <c r="B13" s="190"/>
      <c r="C13" s="190"/>
      <c r="D13" s="24"/>
      <c r="E13" s="25"/>
    </row>
    <row r="14" spans="1:5" ht="4.5" customHeight="1" x14ac:dyDescent="0.2">
      <c r="A14" s="66"/>
      <c r="B14" s="66"/>
      <c r="C14" s="66"/>
      <c r="D14" s="66"/>
      <c r="E14" s="66"/>
    </row>
    <row r="15" spans="1:5" ht="20.100000000000001" customHeight="1" x14ac:dyDescent="0.2">
      <c r="A15" s="65" t="s">
        <v>10</v>
      </c>
      <c r="B15" s="26"/>
      <c r="C15" s="26"/>
      <c r="D15" s="27"/>
      <c r="E15" s="27"/>
    </row>
    <row r="16" spans="1:5" s="3" customFormat="1" ht="24.95" customHeight="1" x14ac:dyDescent="0.25">
      <c r="A16" s="188" t="s">
        <v>74</v>
      </c>
      <c r="B16" s="188"/>
      <c r="C16" s="188"/>
      <c r="D16" s="24"/>
      <c r="E16" s="25"/>
    </row>
    <row r="17" spans="1:5" ht="5.0999999999999996" customHeight="1" x14ac:dyDescent="0.2">
      <c r="A17" s="189"/>
      <c r="B17" s="189"/>
      <c r="C17" s="189"/>
      <c r="E17" s="18"/>
    </row>
    <row r="18" spans="1:5" s="2" customFormat="1" ht="20.100000000000001" customHeight="1" x14ac:dyDescent="0.25">
      <c r="A18" s="162" t="s">
        <v>23</v>
      </c>
      <c r="B18" s="162"/>
      <c r="C18" s="162"/>
      <c r="D18" s="162"/>
      <c r="E18" s="162"/>
    </row>
    <row r="19" spans="1:5" ht="20.100000000000001" customHeight="1" x14ac:dyDescent="0.2">
      <c r="A19" s="190" t="s">
        <v>251</v>
      </c>
      <c r="B19" s="190"/>
      <c r="C19" s="190"/>
      <c r="D19" s="190"/>
      <c r="E19" s="190"/>
    </row>
    <row r="20" spans="1:5" ht="5.0999999999999996" customHeight="1" x14ac:dyDescent="0.2">
      <c r="A20" s="189"/>
      <c r="B20" s="189"/>
      <c r="C20" s="189"/>
      <c r="E20" s="18"/>
    </row>
    <row r="21" spans="1:5" s="2" customFormat="1" ht="20.100000000000001" customHeight="1" x14ac:dyDescent="0.25">
      <c r="A21" s="162" t="s">
        <v>24</v>
      </c>
      <c r="B21" s="162"/>
      <c r="C21" s="162"/>
      <c r="D21" s="162"/>
      <c r="E21" s="162"/>
    </row>
    <row r="22" spans="1:5" s="9" customFormat="1" ht="20.100000000000001" customHeight="1" x14ac:dyDescent="0.25">
      <c r="A22" s="201" t="s">
        <v>5</v>
      </c>
      <c r="B22" s="201"/>
      <c r="C22" s="201"/>
      <c r="D22" s="201"/>
      <c r="E22" s="201"/>
    </row>
    <row r="23" spans="1:5" s="9" customFormat="1" ht="20.100000000000001" customHeight="1" x14ac:dyDescent="0.25">
      <c r="A23" s="158" t="s">
        <v>17</v>
      </c>
      <c r="B23" s="159"/>
      <c r="C23" s="17"/>
      <c r="D23" s="17"/>
      <c r="E23" s="17"/>
    </row>
    <row r="24" spans="1:5" s="9" customFormat="1" ht="20.100000000000001" customHeight="1" x14ac:dyDescent="0.25">
      <c r="A24" s="16"/>
      <c r="B24" s="16" t="s">
        <v>21</v>
      </c>
      <c r="C24" s="17"/>
      <c r="D24" s="17"/>
      <c r="E24" s="17"/>
    </row>
    <row r="25" spans="1:5" s="9" customFormat="1" ht="20.100000000000001" customHeight="1" x14ac:dyDescent="0.25">
      <c r="A25" s="16"/>
      <c r="B25" s="16" t="s">
        <v>22</v>
      </c>
      <c r="C25" s="17"/>
      <c r="D25" s="17"/>
      <c r="E25" s="17"/>
    </row>
    <row r="26" spans="1:5" s="9" customFormat="1" ht="20.100000000000001" customHeight="1" x14ac:dyDescent="0.25">
      <c r="A26" s="158" t="s">
        <v>18</v>
      </c>
      <c r="B26" s="159"/>
      <c r="C26" s="17"/>
      <c r="D26" s="17"/>
      <c r="E26" s="17"/>
    </row>
    <row r="27" spans="1:5" s="9" customFormat="1" ht="31.5" customHeight="1" x14ac:dyDescent="0.25">
      <c r="A27" s="21" t="s">
        <v>19</v>
      </c>
      <c r="B27" s="202" t="s">
        <v>12</v>
      </c>
      <c r="C27" s="203"/>
      <c r="D27" s="22" t="s">
        <v>11</v>
      </c>
      <c r="E27" s="22" t="s">
        <v>13</v>
      </c>
    </row>
    <row r="28" spans="1:5" s="9" customFormat="1" ht="24.95" customHeight="1" x14ac:dyDescent="0.25">
      <c r="A28" s="19" t="s">
        <v>1</v>
      </c>
      <c r="B28" s="204" t="s">
        <v>256</v>
      </c>
      <c r="C28" s="205"/>
      <c r="D28" s="106" t="s">
        <v>252</v>
      </c>
      <c r="E28" s="86">
        <v>1</v>
      </c>
    </row>
    <row r="29" spans="1:5" s="9" customFormat="1" ht="4.5" customHeight="1" x14ac:dyDescent="0.25">
      <c r="A29" s="17"/>
      <c r="B29" s="17"/>
      <c r="C29" s="17"/>
      <c r="D29" s="17"/>
      <c r="E29" s="17"/>
    </row>
    <row r="30" spans="1:5" s="9" customFormat="1" ht="20.100000000000001" customHeight="1" x14ac:dyDescent="0.25">
      <c r="A30" s="158" t="s">
        <v>20</v>
      </c>
      <c r="B30" s="159"/>
      <c r="C30" s="17"/>
      <c r="D30" s="17"/>
      <c r="E30" s="17"/>
    </row>
    <row r="31" spans="1:5" s="9" customFormat="1" ht="20.100000000000001" customHeight="1" x14ac:dyDescent="0.2">
      <c r="A31" s="10"/>
      <c r="B31" s="9" t="s">
        <v>2</v>
      </c>
      <c r="C31" s="17"/>
      <c r="D31" s="17"/>
      <c r="E31" s="17"/>
    </row>
    <row r="32" spans="1:5" s="9" customFormat="1" ht="20.100000000000001" customHeight="1" x14ac:dyDescent="0.25">
      <c r="A32" s="16"/>
      <c r="B32" s="2" t="s">
        <v>3</v>
      </c>
      <c r="C32" s="17"/>
      <c r="D32" s="17"/>
      <c r="E32" s="17"/>
    </row>
    <row r="33" spans="1:6" ht="5.0999999999999996" customHeight="1" x14ac:dyDescent="0.2"/>
    <row r="34" spans="1:6" s="2" customFormat="1" ht="20.100000000000001" customHeight="1" x14ac:dyDescent="0.25">
      <c r="A34" s="162" t="s">
        <v>25</v>
      </c>
      <c r="B34" s="162"/>
      <c r="C34" s="162"/>
      <c r="D34" s="162"/>
      <c r="E34" s="162"/>
    </row>
    <row r="35" spans="1:6" s="2" customFormat="1" ht="5.0999999999999996" customHeight="1" thickBot="1" x14ac:dyDescent="0.3">
      <c r="A35" s="18"/>
      <c r="C35" s="6"/>
      <c r="D35" s="6"/>
      <c r="E35" s="6"/>
    </row>
    <row r="36" spans="1:6" s="3" customFormat="1" ht="93" customHeight="1" x14ac:dyDescent="0.25">
      <c r="A36" s="163" t="s">
        <v>0</v>
      </c>
      <c r="B36" s="197"/>
      <c r="C36" s="167" t="s">
        <v>27</v>
      </c>
      <c r="D36" s="168"/>
      <c r="E36" s="169"/>
      <c r="F36" s="28"/>
    </row>
    <row r="37" spans="1:6" s="3" customFormat="1" ht="30" customHeight="1" thickBot="1" x14ac:dyDescent="0.3">
      <c r="A37" s="165"/>
      <c r="B37" s="198"/>
      <c r="C37" s="29" t="s">
        <v>28</v>
      </c>
      <c r="D37" s="199" t="s">
        <v>29</v>
      </c>
      <c r="E37" s="200"/>
    </row>
    <row r="38" spans="1:6" s="30" customFormat="1" ht="24.95" customHeight="1" x14ac:dyDescent="0.25">
      <c r="A38" s="110" t="s">
        <v>81</v>
      </c>
      <c r="B38" s="208" t="s">
        <v>254</v>
      </c>
      <c r="C38" s="208"/>
      <c r="D38" s="208"/>
      <c r="E38" s="209"/>
    </row>
    <row r="39" spans="1:6" s="30" customFormat="1" ht="33.75" customHeight="1" x14ac:dyDescent="0.25">
      <c r="A39" s="72" t="s">
        <v>15</v>
      </c>
      <c r="B39" s="72" t="s">
        <v>261</v>
      </c>
      <c r="C39" s="92"/>
      <c r="D39" s="191"/>
      <c r="E39" s="192"/>
    </row>
    <row r="40" spans="1:6" s="30" customFormat="1" ht="33.75" customHeight="1" x14ac:dyDescent="0.25">
      <c r="A40" s="142" t="s">
        <v>69</v>
      </c>
      <c r="B40" s="72" t="s">
        <v>132</v>
      </c>
      <c r="C40" s="92"/>
      <c r="D40" s="127"/>
      <c r="E40" s="128"/>
    </row>
    <row r="41" spans="1:6" s="4" customFormat="1" ht="24.75" customHeight="1" x14ac:dyDescent="0.25">
      <c r="A41" s="126" t="s">
        <v>70</v>
      </c>
      <c r="B41" s="72" t="s">
        <v>262</v>
      </c>
      <c r="C41" s="92"/>
      <c r="D41" s="210"/>
      <c r="E41" s="211"/>
    </row>
    <row r="42" spans="1:6" s="4" customFormat="1" ht="30" customHeight="1" x14ac:dyDescent="0.25">
      <c r="A42" s="126" t="s">
        <v>71</v>
      </c>
      <c r="B42" s="72" t="s">
        <v>83</v>
      </c>
      <c r="C42" s="92" t="s">
        <v>133</v>
      </c>
      <c r="D42" s="210"/>
      <c r="E42" s="211"/>
    </row>
    <row r="43" spans="1:6" s="4" customFormat="1" ht="30" customHeight="1" x14ac:dyDescent="0.25">
      <c r="A43" s="73" t="s">
        <v>101</v>
      </c>
      <c r="B43" s="72" t="s">
        <v>92</v>
      </c>
      <c r="C43" s="92"/>
      <c r="D43" s="210"/>
      <c r="E43" s="211"/>
    </row>
    <row r="44" spans="1:6" s="4" customFormat="1" ht="24.95" customHeight="1" x14ac:dyDescent="0.25">
      <c r="A44" s="73" t="s">
        <v>103</v>
      </c>
      <c r="B44" s="72" t="s">
        <v>93</v>
      </c>
      <c r="C44" s="92"/>
      <c r="D44" s="210"/>
      <c r="E44" s="211"/>
    </row>
    <row r="45" spans="1:6" s="4" customFormat="1" ht="44.25" customHeight="1" x14ac:dyDescent="0.25">
      <c r="A45" s="73" t="s">
        <v>105</v>
      </c>
      <c r="B45" s="72" t="s">
        <v>94</v>
      </c>
      <c r="C45" s="92"/>
      <c r="D45" s="210"/>
      <c r="E45" s="211"/>
    </row>
    <row r="46" spans="1:6" s="4" customFormat="1" ht="24.95" customHeight="1" x14ac:dyDescent="0.25">
      <c r="A46" s="73" t="s">
        <v>107</v>
      </c>
      <c r="B46" s="72" t="s">
        <v>95</v>
      </c>
      <c r="C46" s="92"/>
      <c r="D46" s="210"/>
      <c r="E46" s="211"/>
    </row>
    <row r="47" spans="1:6" s="4" customFormat="1" ht="24.95" customHeight="1" x14ac:dyDescent="0.25">
      <c r="A47" s="73" t="s">
        <v>109</v>
      </c>
      <c r="B47" s="72" t="s">
        <v>96</v>
      </c>
      <c r="C47" s="92"/>
      <c r="D47" s="107"/>
      <c r="E47" s="108"/>
    </row>
    <row r="48" spans="1:6" s="4" customFormat="1" ht="24.95" customHeight="1" x14ac:dyDescent="0.25">
      <c r="A48" s="73" t="s">
        <v>110</v>
      </c>
      <c r="B48" s="72" t="s">
        <v>84</v>
      </c>
      <c r="C48" s="92"/>
      <c r="D48" s="107"/>
      <c r="E48" s="108"/>
    </row>
    <row r="49" spans="1:5" s="4" customFormat="1" ht="45" customHeight="1" x14ac:dyDescent="0.25">
      <c r="A49" s="109" t="s">
        <v>136</v>
      </c>
      <c r="B49" s="72" t="s">
        <v>97</v>
      </c>
      <c r="C49" s="92"/>
      <c r="D49" s="107"/>
      <c r="E49" s="108"/>
    </row>
    <row r="50" spans="1:5" s="4" customFormat="1" ht="24.95" customHeight="1" x14ac:dyDescent="0.25">
      <c r="A50" s="73" t="s">
        <v>111</v>
      </c>
      <c r="B50" s="72" t="s">
        <v>85</v>
      </c>
      <c r="C50" s="92"/>
      <c r="D50" s="107"/>
      <c r="E50" s="108"/>
    </row>
    <row r="51" spans="1:5" s="4" customFormat="1" ht="24.95" customHeight="1" x14ac:dyDescent="0.25">
      <c r="A51" s="109" t="s">
        <v>137</v>
      </c>
      <c r="B51" s="72" t="s">
        <v>98</v>
      </c>
      <c r="C51" s="92"/>
      <c r="D51" s="107"/>
      <c r="E51" s="108"/>
    </row>
    <row r="52" spans="1:5" s="4" customFormat="1" ht="28.5" customHeight="1" x14ac:dyDescent="0.25">
      <c r="A52" s="73" t="s">
        <v>112</v>
      </c>
      <c r="B52" s="72" t="s">
        <v>88</v>
      </c>
      <c r="C52" s="92"/>
      <c r="D52" s="111"/>
      <c r="E52" s="112"/>
    </row>
    <row r="53" spans="1:5" s="4" customFormat="1" ht="30" customHeight="1" x14ac:dyDescent="0.25">
      <c r="A53" s="126" t="s">
        <v>72</v>
      </c>
      <c r="B53" s="72" t="s">
        <v>86</v>
      </c>
      <c r="C53" s="92"/>
      <c r="D53" s="111"/>
      <c r="E53" s="112"/>
    </row>
    <row r="54" spans="1:5" s="4" customFormat="1" ht="24.95" customHeight="1" x14ac:dyDescent="0.25">
      <c r="A54" s="73" t="s">
        <v>123</v>
      </c>
      <c r="B54" s="72" t="s">
        <v>90</v>
      </c>
      <c r="C54" s="92"/>
      <c r="D54" s="107"/>
      <c r="E54" s="108"/>
    </row>
    <row r="55" spans="1:5" s="4" customFormat="1" ht="24.95" customHeight="1" x14ac:dyDescent="0.25">
      <c r="A55" s="73" t="s">
        <v>125</v>
      </c>
      <c r="B55" s="72" t="s">
        <v>89</v>
      </c>
      <c r="C55" s="92"/>
      <c r="D55" s="107"/>
      <c r="E55" s="108"/>
    </row>
    <row r="56" spans="1:5" s="4" customFormat="1" ht="24.95" customHeight="1" x14ac:dyDescent="0.25">
      <c r="A56" s="73" t="s">
        <v>127</v>
      </c>
      <c r="B56" s="72" t="s">
        <v>91</v>
      </c>
      <c r="C56" s="92"/>
      <c r="D56" s="107"/>
      <c r="E56" s="108"/>
    </row>
    <row r="57" spans="1:5" s="4" customFormat="1" ht="30" customHeight="1" x14ac:dyDescent="0.25">
      <c r="A57" s="73" t="s">
        <v>128</v>
      </c>
      <c r="B57" s="72" t="s">
        <v>99</v>
      </c>
      <c r="C57" s="92"/>
      <c r="D57" s="107"/>
      <c r="E57" s="108"/>
    </row>
    <row r="58" spans="1:5" s="4" customFormat="1" ht="29.25" customHeight="1" x14ac:dyDescent="0.25">
      <c r="A58" s="73" t="s">
        <v>130</v>
      </c>
      <c r="B58" s="72" t="s">
        <v>100</v>
      </c>
      <c r="C58" s="92"/>
      <c r="D58" s="107"/>
      <c r="E58" s="108"/>
    </row>
    <row r="59" spans="1:5" s="4" customFormat="1" ht="30" customHeight="1" x14ac:dyDescent="0.25">
      <c r="A59" s="126" t="s">
        <v>138</v>
      </c>
      <c r="B59" s="72" t="s">
        <v>87</v>
      </c>
      <c r="C59" s="92" t="s">
        <v>133</v>
      </c>
      <c r="D59" s="107"/>
      <c r="E59" s="108"/>
    </row>
    <row r="60" spans="1:5" s="4" customFormat="1" ht="24.95" customHeight="1" x14ac:dyDescent="0.25">
      <c r="A60" s="73" t="s">
        <v>32</v>
      </c>
      <c r="B60" s="72" t="s">
        <v>102</v>
      </c>
      <c r="C60" s="92"/>
      <c r="D60" s="107"/>
      <c r="E60" s="108"/>
    </row>
    <row r="61" spans="1:5" s="4" customFormat="1" ht="24.95" customHeight="1" x14ac:dyDescent="0.25">
      <c r="A61" s="73" t="s">
        <v>33</v>
      </c>
      <c r="B61" s="72" t="s">
        <v>104</v>
      </c>
      <c r="C61" s="92"/>
      <c r="D61" s="107"/>
      <c r="E61" s="108"/>
    </row>
    <row r="62" spans="1:5" s="4" customFormat="1" ht="27.75" customHeight="1" x14ac:dyDescent="0.25">
      <c r="A62" s="73" t="s">
        <v>139</v>
      </c>
      <c r="B62" s="72" t="s">
        <v>106</v>
      </c>
      <c r="C62" s="92"/>
      <c r="D62" s="107"/>
      <c r="E62" s="108"/>
    </row>
    <row r="63" spans="1:5" s="4" customFormat="1" ht="27.75" customHeight="1" x14ac:dyDescent="0.25">
      <c r="A63" s="73" t="s">
        <v>140</v>
      </c>
      <c r="B63" s="72" t="s">
        <v>108</v>
      </c>
      <c r="C63" s="92"/>
      <c r="D63" s="107"/>
      <c r="E63" s="108"/>
    </row>
    <row r="64" spans="1:5" s="4" customFormat="1" ht="58.5" customHeight="1" x14ac:dyDescent="0.25">
      <c r="A64" s="73" t="s">
        <v>141</v>
      </c>
      <c r="B64" s="72" t="s">
        <v>115</v>
      </c>
      <c r="C64" s="92"/>
      <c r="D64" s="107"/>
      <c r="E64" s="108"/>
    </row>
    <row r="65" spans="1:5" s="4" customFormat="1" ht="24.95" customHeight="1" x14ac:dyDescent="0.25">
      <c r="A65" s="73" t="s">
        <v>142</v>
      </c>
      <c r="B65" s="72" t="s">
        <v>134</v>
      </c>
      <c r="C65" s="92"/>
      <c r="D65" s="107"/>
      <c r="E65" s="108"/>
    </row>
    <row r="66" spans="1:5" s="4" customFormat="1" ht="45.75" customHeight="1" x14ac:dyDescent="0.25">
      <c r="A66" s="73" t="s">
        <v>143</v>
      </c>
      <c r="B66" s="72" t="s">
        <v>113</v>
      </c>
      <c r="C66" s="92"/>
      <c r="D66" s="107"/>
      <c r="E66" s="108"/>
    </row>
    <row r="67" spans="1:5" s="4" customFormat="1" ht="28.5" customHeight="1" x14ac:dyDescent="0.25">
      <c r="A67" s="73" t="s">
        <v>144</v>
      </c>
      <c r="B67" s="72" t="s">
        <v>114</v>
      </c>
      <c r="C67" s="92"/>
      <c r="D67" s="107"/>
      <c r="E67" s="108"/>
    </row>
    <row r="68" spans="1:5" s="4" customFormat="1" ht="24.95" customHeight="1" x14ac:dyDescent="0.25">
      <c r="A68" s="73" t="s">
        <v>145</v>
      </c>
      <c r="B68" s="72" t="s">
        <v>116</v>
      </c>
      <c r="C68" s="92"/>
      <c r="D68" s="107"/>
      <c r="E68" s="108"/>
    </row>
    <row r="69" spans="1:5" s="4" customFormat="1" ht="48.75" customHeight="1" x14ac:dyDescent="0.25">
      <c r="A69" s="73" t="s">
        <v>146</v>
      </c>
      <c r="B69" s="72" t="s">
        <v>131</v>
      </c>
      <c r="C69" s="92"/>
      <c r="D69" s="107"/>
      <c r="E69" s="108"/>
    </row>
    <row r="70" spans="1:5" s="4" customFormat="1" ht="24.95" customHeight="1" x14ac:dyDescent="0.25">
      <c r="A70" s="73" t="s">
        <v>147</v>
      </c>
      <c r="B70" s="72" t="s">
        <v>117</v>
      </c>
      <c r="C70" s="92"/>
      <c r="D70" s="107"/>
      <c r="E70" s="108"/>
    </row>
    <row r="71" spans="1:5" s="4" customFormat="1" ht="24.95" customHeight="1" x14ac:dyDescent="0.25">
      <c r="A71" s="73" t="s">
        <v>148</v>
      </c>
      <c r="B71" s="72" t="s">
        <v>118</v>
      </c>
      <c r="C71" s="92"/>
      <c r="D71" s="107"/>
      <c r="E71" s="108"/>
    </row>
    <row r="72" spans="1:5" s="4" customFormat="1" ht="48" customHeight="1" x14ac:dyDescent="0.25">
      <c r="A72" s="73" t="s">
        <v>149</v>
      </c>
      <c r="B72" s="72" t="s">
        <v>119</v>
      </c>
      <c r="C72" s="92"/>
      <c r="D72" s="107"/>
      <c r="E72" s="108"/>
    </row>
    <row r="73" spans="1:5" s="4" customFormat="1" ht="24.95" customHeight="1" x14ac:dyDescent="0.25">
      <c r="A73" s="73" t="s">
        <v>150</v>
      </c>
      <c r="B73" s="72" t="s">
        <v>120</v>
      </c>
      <c r="C73" s="92"/>
      <c r="D73" s="107"/>
      <c r="E73" s="108"/>
    </row>
    <row r="74" spans="1:5" s="4" customFormat="1" ht="24.95" customHeight="1" x14ac:dyDescent="0.25">
      <c r="A74" s="73" t="s">
        <v>151</v>
      </c>
      <c r="B74" s="72" t="s">
        <v>121</v>
      </c>
      <c r="C74" s="92"/>
      <c r="D74" s="107"/>
      <c r="E74" s="108"/>
    </row>
    <row r="75" spans="1:5" s="4" customFormat="1" ht="24.95" customHeight="1" x14ac:dyDescent="0.25">
      <c r="A75" s="126" t="s">
        <v>152</v>
      </c>
      <c r="B75" s="72" t="s">
        <v>122</v>
      </c>
      <c r="C75" s="92" t="s">
        <v>133</v>
      </c>
      <c r="D75" s="107"/>
      <c r="E75" s="108"/>
    </row>
    <row r="76" spans="1:5" s="4" customFormat="1" ht="39.75" customHeight="1" x14ac:dyDescent="0.25">
      <c r="A76" s="73" t="s">
        <v>153</v>
      </c>
      <c r="B76" s="72" t="s">
        <v>124</v>
      </c>
      <c r="C76" s="92"/>
      <c r="D76" s="107"/>
      <c r="E76" s="108"/>
    </row>
    <row r="77" spans="1:5" s="4" customFormat="1" ht="42.75" customHeight="1" x14ac:dyDescent="0.25">
      <c r="A77" s="73" t="s">
        <v>154</v>
      </c>
      <c r="B77" s="72" t="s">
        <v>126</v>
      </c>
      <c r="C77" s="92"/>
      <c r="D77" s="107"/>
      <c r="E77" s="108"/>
    </row>
    <row r="78" spans="1:5" s="4" customFormat="1" ht="28.5" customHeight="1" x14ac:dyDescent="0.25">
      <c r="A78" s="73" t="s">
        <v>155</v>
      </c>
      <c r="B78" s="72" t="s">
        <v>135</v>
      </c>
      <c r="C78" s="92"/>
      <c r="D78" s="216"/>
      <c r="E78" s="217"/>
    </row>
    <row r="79" spans="1:5" s="4" customFormat="1" ht="42.95" customHeight="1" x14ac:dyDescent="0.25">
      <c r="A79" s="73" t="s">
        <v>156</v>
      </c>
      <c r="B79" s="72" t="s">
        <v>129</v>
      </c>
      <c r="C79" s="92"/>
      <c r="D79" s="107"/>
      <c r="E79" s="108"/>
    </row>
    <row r="80" spans="1:5" s="3" customFormat="1" ht="5.0999999999999996" customHeight="1" x14ac:dyDescent="0.25">
      <c r="A80" s="5"/>
      <c r="B80" s="5"/>
      <c r="C80" s="7"/>
      <c r="D80" s="7"/>
      <c r="E80" s="31"/>
    </row>
    <row r="81" spans="1:13" s="2" customFormat="1" ht="20.100000000000001" customHeight="1" x14ac:dyDescent="0.25">
      <c r="A81" s="162" t="s">
        <v>61</v>
      </c>
      <c r="B81" s="162"/>
      <c r="C81" s="162"/>
      <c r="D81" s="162"/>
      <c r="E81" s="162"/>
    </row>
    <row r="82" spans="1:13" s="2" customFormat="1" ht="5.0999999999999996" customHeight="1" thickBot="1" x14ac:dyDescent="0.3">
      <c r="A82" s="18"/>
      <c r="C82" s="6"/>
      <c r="D82" s="6"/>
      <c r="E82" s="6"/>
    </row>
    <row r="83" spans="1:13" s="3" customFormat="1" ht="69" customHeight="1" x14ac:dyDescent="0.25">
      <c r="A83" s="163" t="s">
        <v>7</v>
      </c>
      <c r="B83" s="164"/>
      <c r="C83" s="167" t="s">
        <v>30</v>
      </c>
      <c r="D83" s="168"/>
      <c r="E83" s="169"/>
    </row>
    <row r="84" spans="1:13" s="3" customFormat="1" ht="30" customHeight="1" thickBot="1" x14ac:dyDescent="0.3">
      <c r="A84" s="165"/>
      <c r="B84" s="166"/>
      <c r="C84" s="29" t="s">
        <v>6</v>
      </c>
      <c r="D84" s="170" t="s">
        <v>31</v>
      </c>
      <c r="E84" s="171"/>
    </row>
    <row r="85" spans="1:13" s="2" customFormat="1" ht="20.100000000000001" customHeight="1" x14ac:dyDescent="0.25">
      <c r="A85" s="140" t="s">
        <v>15</v>
      </c>
      <c r="B85" s="136" t="s">
        <v>167</v>
      </c>
      <c r="C85" s="92"/>
      <c r="D85" s="148"/>
      <c r="E85" s="149"/>
      <c r="G85" s="129"/>
      <c r="H85" s="129"/>
      <c r="I85" s="129"/>
      <c r="J85" s="129"/>
      <c r="K85" s="129"/>
      <c r="L85" s="129"/>
      <c r="M85" s="129"/>
    </row>
    <row r="86" spans="1:13" s="2" customFormat="1" ht="21" customHeight="1" x14ac:dyDescent="0.25">
      <c r="A86" s="140" t="s">
        <v>69</v>
      </c>
      <c r="B86" s="130" t="s">
        <v>163</v>
      </c>
      <c r="C86" s="92"/>
      <c r="D86" s="148"/>
      <c r="E86" s="149"/>
      <c r="G86" s="129"/>
      <c r="H86" s="129"/>
      <c r="I86" s="129"/>
      <c r="J86" s="129"/>
      <c r="K86" s="129"/>
      <c r="L86" s="129"/>
      <c r="M86" s="129"/>
    </row>
    <row r="87" spans="1:13" s="2" customFormat="1" ht="38.25" x14ac:dyDescent="0.25">
      <c r="A87" s="91" t="s">
        <v>203</v>
      </c>
      <c r="B87" s="130" t="s">
        <v>201</v>
      </c>
      <c r="C87" s="92"/>
      <c r="D87" s="148"/>
      <c r="E87" s="149"/>
      <c r="G87" s="129"/>
      <c r="H87" s="129"/>
      <c r="I87" s="129"/>
      <c r="J87" s="129"/>
      <c r="K87" s="129"/>
      <c r="L87" s="129"/>
      <c r="M87" s="129"/>
    </row>
    <row r="88" spans="1:13" s="2" customFormat="1" ht="20.100000000000001" customHeight="1" x14ac:dyDescent="0.25">
      <c r="A88" s="91" t="s">
        <v>204</v>
      </c>
      <c r="B88" s="130" t="s">
        <v>158</v>
      </c>
      <c r="C88" s="92"/>
      <c r="D88" s="148"/>
      <c r="E88" s="149"/>
    </row>
    <row r="89" spans="1:13" s="2" customFormat="1" ht="23.1" customHeight="1" x14ac:dyDescent="0.25">
      <c r="A89" s="91" t="s">
        <v>205</v>
      </c>
      <c r="B89" s="130" t="s">
        <v>165</v>
      </c>
      <c r="C89" s="92"/>
      <c r="D89" s="148"/>
      <c r="E89" s="149"/>
    </row>
    <row r="90" spans="1:13" s="2" customFormat="1" ht="48.95" customHeight="1" x14ac:dyDescent="0.25">
      <c r="A90" s="91" t="s">
        <v>206</v>
      </c>
      <c r="B90" s="130" t="s">
        <v>168</v>
      </c>
      <c r="C90" s="92"/>
      <c r="D90" s="148"/>
      <c r="E90" s="149"/>
    </row>
    <row r="91" spans="1:13" s="2" customFormat="1" ht="38.25" x14ac:dyDescent="0.25">
      <c r="A91" s="91" t="s">
        <v>207</v>
      </c>
      <c r="B91" s="130" t="s">
        <v>159</v>
      </c>
      <c r="C91" s="92"/>
      <c r="D91" s="148"/>
      <c r="E91" s="149"/>
    </row>
    <row r="92" spans="1:13" s="2" customFormat="1" ht="114" customHeight="1" x14ac:dyDescent="0.25">
      <c r="A92" s="91" t="s">
        <v>208</v>
      </c>
      <c r="B92" s="130" t="s">
        <v>169</v>
      </c>
      <c r="C92" s="173"/>
      <c r="D92" s="176"/>
      <c r="E92" s="177"/>
    </row>
    <row r="93" spans="1:13" s="2" customFormat="1" ht="33" customHeight="1" x14ac:dyDescent="0.25">
      <c r="A93" s="141" t="s">
        <v>70</v>
      </c>
      <c r="B93" s="130" t="s">
        <v>182</v>
      </c>
      <c r="C93" s="174"/>
      <c r="D93" s="178"/>
      <c r="E93" s="179"/>
    </row>
    <row r="94" spans="1:13" s="2" customFormat="1" ht="39" customHeight="1" x14ac:dyDescent="0.25">
      <c r="A94" s="141" t="s">
        <v>71</v>
      </c>
      <c r="B94" s="144" t="s">
        <v>160</v>
      </c>
      <c r="C94" s="175"/>
      <c r="D94" s="180"/>
      <c r="E94" s="181"/>
    </row>
    <row r="95" spans="1:13" s="2" customFormat="1" ht="83.25" customHeight="1" x14ac:dyDescent="0.25">
      <c r="A95" s="140" t="s">
        <v>72</v>
      </c>
      <c r="B95" s="144" t="s">
        <v>170</v>
      </c>
      <c r="C95" s="143"/>
      <c r="D95" s="148"/>
      <c r="E95" s="149"/>
    </row>
    <row r="96" spans="1:13" s="2" customFormat="1" ht="76.5" x14ac:dyDescent="0.25">
      <c r="A96" s="140" t="s">
        <v>138</v>
      </c>
      <c r="B96" s="130" t="s">
        <v>171</v>
      </c>
      <c r="C96" s="92"/>
      <c r="D96" s="148"/>
      <c r="E96" s="149"/>
    </row>
    <row r="97" spans="1:5" s="2" customFormat="1" ht="102" x14ac:dyDescent="0.25">
      <c r="A97" s="140" t="s">
        <v>152</v>
      </c>
      <c r="B97" s="130" t="s">
        <v>164</v>
      </c>
      <c r="C97" s="92"/>
      <c r="D97" s="148"/>
      <c r="E97" s="149"/>
    </row>
    <row r="98" spans="1:5" s="2" customFormat="1" ht="33" customHeight="1" x14ac:dyDescent="0.25">
      <c r="A98" s="140" t="s">
        <v>209</v>
      </c>
      <c r="B98" s="130" t="s">
        <v>182</v>
      </c>
      <c r="C98" s="92"/>
      <c r="D98" s="148"/>
      <c r="E98" s="149"/>
    </row>
    <row r="99" spans="1:5" s="2" customFormat="1" ht="76.5" x14ac:dyDescent="0.25">
      <c r="A99" s="140" t="s">
        <v>210</v>
      </c>
      <c r="B99" s="122" t="s">
        <v>192</v>
      </c>
      <c r="C99" s="92"/>
      <c r="D99" s="148"/>
      <c r="E99" s="149"/>
    </row>
    <row r="100" spans="1:5" s="2" customFormat="1" ht="60.95" customHeight="1" x14ac:dyDescent="0.25">
      <c r="A100" s="140" t="s">
        <v>211</v>
      </c>
      <c r="B100" s="130" t="s">
        <v>172</v>
      </c>
      <c r="C100" s="92"/>
      <c r="D100" s="148"/>
      <c r="E100" s="149"/>
    </row>
    <row r="101" spans="1:5" s="2" customFormat="1" ht="21.95" customHeight="1" x14ac:dyDescent="0.25">
      <c r="A101" s="140" t="s">
        <v>212</v>
      </c>
      <c r="B101" s="122" t="s">
        <v>166</v>
      </c>
      <c r="C101" s="92"/>
      <c r="D101" s="148"/>
      <c r="E101" s="149"/>
    </row>
    <row r="102" spans="1:5" s="2" customFormat="1" ht="38.25" x14ac:dyDescent="0.25">
      <c r="A102" s="140" t="s">
        <v>213</v>
      </c>
      <c r="B102" s="19" t="s">
        <v>193</v>
      </c>
      <c r="C102" s="92"/>
      <c r="D102" s="148"/>
      <c r="E102" s="149"/>
    </row>
    <row r="103" spans="1:5" s="2" customFormat="1" ht="30.95" customHeight="1" x14ac:dyDescent="0.25">
      <c r="A103" s="140" t="s">
        <v>214</v>
      </c>
      <c r="B103" s="2" t="s">
        <v>191</v>
      </c>
      <c r="C103" s="123"/>
      <c r="D103" s="124"/>
      <c r="E103" s="125"/>
    </row>
    <row r="104" spans="1:5" s="2" customFormat="1" ht="38.25" x14ac:dyDescent="0.25">
      <c r="A104" s="140" t="s">
        <v>215</v>
      </c>
      <c r="B104" s="130" t="s">
        <v>202</v>
      </c>
      <c r="C104" s="173"/>
      <c r="D104" s="176"/>
      <c r="E104" s="177"/>
    </row>
    <row r="105" spans="1:5" s="2" customFormat="1" ht="140.25" x14ac:dyDescent="0.25">
      <c r="A105" s="140" t="s">
        <v>216</v>
      </c>
      <c r="B105" s="19" t="s">
        <v>194</v>
      </c>
      <c r="C105" s="187"/>
      <c r="D105" s="180"/>
      <c r="E105" s="181"/>
    </row>
    <row r="106" spans="1:5" s="2" customFormat="1" ht="67.5" customHeight="1" x14ac:dyDescent="0.25">
      <c r="A106" s="140" t="s">
        <v>217</v>
      </c>
      <c r="B106" s="2" t="s">
        <v>189</v>
      </c>
      <c r="C106" s="132"/>
      <c r="D106" s="133"/>
      <c r="E106" s="134"/>
    </row>
    <row r="107" spans="1:5" s="2" customFormat="1" ht="63.75" x14ac:dyDescent="0.25">
      <c r="A107" s="140" t="s">
        <v>218</v>
      </c>
      <c r="B107" s="130" t="s">
        <v>247</v>
      </c>
      <c r="C107" s="173"/>
      <c r="D107" s="176"/>
      <c r="E107" s="177"/>
    </row>
    <row r="108" spans="1:5" s="2" customFormat="1" ht="89.25" x14ac:dyDescent="0.25">
      <c r="A108" s="140" t="s">
        <v>219</v>
      </c>
      <c r="B108" s="144" t="s">
        <v>250</v>
      </c>
      <c r="C108" s="175"/>
      <c r="D108" s="180"/>
      <c r="E108" s="181"/>
    </row>
    <row r="109" spans="1:5" s="2" customFormat="1" ht="35.1" customHeight="1" x14ac:dyDescent="0.25">
      <c r="A109" s="140" t="s">
        <v>220</v>
      </c>
      <c r="B109" s="130" t="s">
        <v>161</v>
      </c>
      <c r="C109" s="92"/>
      <c r="D109" s="148"/>
      <c r="E109" s="149"/>
    </row>
    <row r="110" spans="1:5" s="2" customFormat="1" ht="102" x14ac:dyDescent="0.25">
      <c r="A110" s="140" t="s">
        <v>221</v>
      </c>
      <c r="B110" s="130" t="s">
        <v>248</v>
      </c>
      <c r="C110" s="92"/>
      <c r="D110" s="148"/>
      <c r="E110" s="149"/>
    </row>
    <row r="111" spans="1:5" s="2" customFormat="1" ht="54" customHeight="1" x14ac:dyDescent="0.25">
      <c r="A111" s="140" t="s">
        <v>222</v>
      </c>
      <c r="B111" s="130" t="s">
        <v>249</v>
      </c>
      <c r="C111" s="92"/>
      <c r="D111" s="148"/>
      <c r="E111" s="149"/>
    </row>
    <row r="112" spans="1:5" s="2" customFormat="1" ht="57" customHeight="1" x14ac:dyDescent="0.25">
      <c r="A112" s="140" t="s">
        <v>223</v>
      </c>
      <c r="B112" s="130" t="s">
        <v>173</v>
      </c>
      <c r="C112" s="92"/>
      <c r="D112" s="148"/>
      <c r="E112" s="149"/>
    </row>
    <row r="113" spans="1:5" s="2" customFormat="1" ht="60" customHeight="1" x14ac:dyDescent="0.25">
      <c r="A113" s="140" t="s">
        <v>224</v>
      </c>
      <c r="B113" s="130" t="s">
        <v>162</v>
      </c>
      <c r="C113" s="92"/>
      <c r="D113" s="148"/>
      <c r="E113" s="149"/>
    </row>
    <row r="114" spans="1:5" s="2" customFormat="1" ht="48.95" customHeight="1" x14ac:dyDescent="0.25">
      <c r="A114" s="140" t="s">
        <v>225</v>
      </c>
      <c r="B114" s="130" t="s">
        <v>183</v>
      </c>
      <c r="C114" s="92"/>
      <c r="D114" s="148"/>
      <c r="E114" s="149"/>
    </row>
    <row r="115" spans="1:5" s="2" customFormat="1" ht="89.25" x14ac:dyDescent="0.25">
      <c r="A115" s="140" t="s">
        <v>226</v>
      </c>
      <c r="B115" s="130" t="s">
        <v>195</v>
      </c>
      <c r="C115" s="92"/>
      <c r="D115" s="148"/>
      <c r="E115" s="149"/>
    </row>
    <row r="116" spans="1:5" s="2" customFormat="1" ht="167.1" customHeight="1" x14ac:dyDescent="0.25">
      <c r="A116" s="140" t="s">
        <v>227</v>
      </c>
      <c r="B116" s="130" t="s">
        <v>184</v>
      </c>
      <c r="C116" s="92"/>
      <c r="D116" s="148"/>
      <c r="E116" s="149"/>
    </row>
    <row r="117" spans="1:5" s="2" customFormat="1" ht="38.25" x14ac:dyDescent="0.25">
      <c r="A117" s="91" t="s">
        <v>228</v>
      </c>
      <c r="B117" s="130" t="s">
        <v>185</v>
      </c>
      <c r="C117" s="92"/>
      <c r="D117" s="148"/>
      <c r="E117" s="149"/>
    </row>
    <row r="118" spans="1:5" s="2" customFormat="1" ht="32.1" customHeight="1" x14ac:dyDescent="0.25">
      <c r="A118" s="91" t="s">
        <v>229</v>
      </c>
      <c r="B118" s="130" t="s">
        <v>186</v>
      </c>
      <c r="C118" s="92"/>
      <c r="D118" s="148"/>
      <c r="E118" s="149"/>
    </row>
    <row r="119" spans="1:5" s="2" customFormat="1" ht="102" x14ac:dyDescent="0.25">
      <c r="A119" s="140" t="s">
        <v>230</v>
      </c>
      <c r="B119" s="130" t="s">
        <v>196</v>
      </c>
      <c r="C119" s="92"/>
      <c r="D119" s="148"/>
      <c r="E119" s="149"/>
    </row>
    <row r="120" spans="1:5" s="2" customFormat="1" ht="47.1" customHeight="1" x14ac:dyDescent="0.25">
      <c r="A120" s="140" t="s">
        <v>231</v>
      </c>
      <c r="B120" s="131" t="s">
        <v>197</v>
      </c>
      <c r="C120" s="92"/>
      <c r="D120" s="148"/>
      <c r="E120" s="149"/>
    </row>
    <row r="121" spans="1:5" s="2" customFormat="1" ht="33" customHeight="1" x14ac:dyDescent="0.25">
      <c r="A121" s="140" t="s">
        <v>232</v>
      </c>
      <c r="B121" s="131" t="s">
        <v>188</v>
      </c>
      <c r="C121" s="92"/>
      <c r="D121" s="148"/>
      <c r="E121" s="149"/>
    </row>
    <row r="122" spans="1:5" s="2" customFormat="1" ht="72.95" customHeight="1" x14ac:dyDescent="0.25">
      <c r="A122" s="140" t="s">
        <v>233</v>
      </c>
      <c r="B122" s="135" t="s">
        <v>198</v>
      </c>
      <c r="C122" s="92"/>
      <c r="D122" s="152"/>
      <c r="E122" s="153"/>
    </row>
    <row r="123" spans="1:5" s="2" customFormat="1" ht="56.1" customHeight="1" x14ac:dyDescent="0.25">
      <c r="A123" s="140" t="s">
        <v>234</v>
      </c>
      <c r="B123" s="131" t="s">
        <v>199</v>
      </c>
      <c r="C123" s="92"/>
      <c r="D123" s="148"/>
      <c r="E123" s="149"/>
    </row>
    <row r="124" spans="1:5" s="2" customFormat="1" ht="45.95" customHeight="1" x14ac:dyDescent="0.25">
      <c r="A124" s="140" t="s">
        <v>235</v>
      </c>
      <c r="B124" s="130" t="s">
        <v>181</v>
      </c>
      <c r="C124" s="92"/>
      <c r="D124" s="148"/>
      <c r="E124" s="149"/>
    </row>
    <row r="125" spans="1:5" s="2" customFormat="1" ht="138.94999999999999" customHeight="1" x14ac:dyDescent="0.25">
      <c r="A125" s="140" t="s">
        <v>236</v>
      </c>
      <c r="B125" s="130" t="s">
        <v>200</v>
      </c>
      <c r="C125" s="92"/>
      <c r="D125" s="148"/>
      <c r="E125" s="149"/>
    </row>
    <row r="126" spans="1:5" s="2" customFormat="1" ht="105.95" customHeight="1" x14ac:dyDescent="0.25">
      <c r="A126" s="91" t="s">
        <v>237</v>
      </c>
      <c r="B126" s="130" t="s">
        <v>180</v>
      </c>
      <c r="C126" s="92"/>
      <c r="D126" s="148"/>
      <c r="E126" s="149"/>
    </row>
    <row r="127" spans="1:5" s="2" customFormat="1" ht="51" x14ac:dyDescent="0.25">
      <c r="A127" s="140" t="s">
        <v>238</v>
      </c>
      <c r="B127" s="130" t="s">
        <v>174</v>
      </c>
      <c r="C127" s="92"/>
      <c r="D127" s="148"/>
      <c r="E127" s="149"/>
    </row>
    <row r="128" spans="1:5" s="2" customFormat="1" ht="63.75" x14ac:dyDescent="0.25">
      <c r="A128" s="140" t="s">
        <v>239</v>
      </c>
      <c r="B128" s="131" t="s">
        <v>187</v>
      </c>
      <c r="C128" s="92"/>
      <c r="D128" s="148"/>
      <c r="E128" s="149"/>
    </row>
    <row r="129" spans="1:6" s="2" customFormat="1" ht="102" x14ac:dyDescent="0.25">
      <c r="A129" s="140" t="s">
        <v>240</v>
      </c>
      <c r="B129" s="130" t="s">
        <v>175</v>
      </c>
      <c r="C129" s="92"/>
      <c r="D129" s="148"/>
      <c r="E129" s="149"/>
    </row>
    <row r="130" spans="1:6" s="2" customFormat="1" ht="84" customHeight="1" x14ac:dyDescent="0.25">
      <c r="A130" s="140" t="s">
        <v>241</v>
      </c>
      <c r="B130" s="122" t="s">
        <v>176</v>
      </c>
      <c r="C130" s="92"/>
      <c r="D130" s="148"/>
      <c r="E130" s="149"/>
    </row>
    <row r="131" spans="1:6" s="2" customFormat="1" ht="44.1" customHeight="1" x14ac:dyDescent="0.25">
      <c r="A131" s="140" t="s">
        <v>242</v>
      </c>
      <c r="B131" s="122" t="s">
        <v>190</v>
      </c>
      <c r="C131" s="92"/>
      <c r="D131" s="150"/>
      <c r="E131" s="151"/>
    </row>
    <row r="132" spans="1:6" s="2" customFormat="1" ht="76.5" x14ac:dyDescent="0.25">
      <c r="A132" s="140" t="s">
        <v>243</v>
      </c>
      <c r="B132" s="130" t="s">
        <v>157</v>
      </c>
      <c r="C132" s="92"/>
      <c r="D132" s="148"/>
      <c r="E132" s="149"/>
    </row>
    <row r="133" spans="1:6" s="2" customFormat="1" ht="168" customHeight="1" x14ac:dyDescent="0.25">
      <c r="A133" s="91" t="s">
        <v>244</v>
      </c>
      <c r="B133" s="130" t="s">
        <v>177</v>
      </c>
      <c r="C133" s="92"/>
      <c r="D133" s="148"/>
      <c r="E133" s="149"/>
    </row>
    <row r="134" spans="1:6" s="2" customFormat="1" ht="81.75" customHeight="1" x14ac:dyDescent="0.25">
      <c r="A134" s="91" t="s">
        <v>245</v>
      </c>
      <c r="B134" s="130" t="s">
        <v>178</v>
      </c>
      <c r="C134" s="92"/>
      <c r="D134" s="214"/>
      <c r="E134" s="215"/>
    </row>
    <row r="135" spans="1:6" s="2" customFormat="1" ht="115.5" customHeight="1" thickBot="1" x14ac:dyDescent="0.3">
      <c r="A135" s="137" t="s">
        <v>246</v>
      </c>
      <c r="B135" s="130" t="s">
        <v>179</v>
      </c>
      <c r="C135" s="93"/>
      <c r="D135" s="154"/>
      <c r="E135" s="155"/>
    </row>
    <row r="136" spans="1:6" s="2" customFormat="1" ht="4.5" customHeight="1" x14ac:dyDescent="0.25"/>
    <row r="137" spans="1:6" s="2" customFormat="1" ht="20.100000000000001" customHeight="1" x14ac:dyDescent="0.25">
      <c r="A137" s="162" t="s">
        <v>67</v>
      </c>
      <c r="B137" s="162"/>
      <c r="C137" s="162"/>
      <c r="D137" s="162"/>
      <c r="E137" s="162"/>
    </row>
    <row r="138" spans="1:6" s="2" customFormat="1" ht="4.5" customHeight="1" thickBot="1" x14ac:dyDescent="0.3"/>
    <row r="139" spans="1:6" s="2" customFormat="1" ht="80.25" customHeight="1" x14ac:dyDescent="0.25">
      <c r="A139" s="163" t="s">
        <v>73</v>
      </c>
      <c r="B139" s="164"/>
      <c r="C139" s="167" t="s">
        <v>68</v>
      </c>
      <c r="D139" s="168"/>
      <c r="E139" s="169"/>
    </row>
    <row r="140" spans="1:6" s="3" customFormat="1" ht="29.25" customHeight="1" thickBot="1" x14ac:dyDescent="0.3">
      <c r="A140" s="165"/>
      <c r="B140" s="166"/>
      <c r="C140" s="29" t="s">
        <v>6</v>
      </c>
      <c r="D140" s="170" t="s">
        <v>31</v>
      </c>
      <c r="E140" s="171"/>
      <c r="F140" s="2"/>
    </row>
    <row r="141" spans="1:6" s="3" customFormat="1" ht="27" customHeight="1" x14ac:dyDescent="0.25">
      <c r="A141" s="71" t="s">
        <v>32</v>
      </c>
      <c r="B141" s="87"/>
      <c r="C141" s="94"/>
      <c r="D141" s="160"/>
      <c r="E141" s="161"/>
      <c r="F141" s="2"/>
    </row>
    <row r="142" spans="1:6" s="3" customFormat="1" ht="24.95" customHeight="1" thickBot="1" x14ac:dyDescent="0.3">
      <c r="A142" s="15" t="s">
        <v>33</v>
      </c>
      <c r="B142" s="88"/>
      <c r="C142" s="95"/>
      <c r="D142" s="212"/>
      <c r="E142" s="213"/>
      <c r="F142" s="2"/>
    </row>
    <row r="143" spans="1:6" s="2" customFormat="1" ht="5.0999999999999996" customHeight="1" x14ac:dyDescent="0.25">
      <c r="A143" s="5"/>
      <c r="B143" s="5"/>
      <c r="C143" s="7"/>
      <c r="D143" s="7"/>
      <c r="E143" s="31"/>
    </row>
    <row r="144" spans="1:6" s="2" customFormat="1" ht="20.100000000000001" customHeight="1" x14ac:dyDescent="0.25">
      <c r="A144" s="162" t="s">
        <v>14</v>
      </c>
      <c r="B144" s="162"/>
      <c r="C144" s="162"/>
      <c r="D144" s="162"/>
      <c r="E144" s="162"/>
    </row>
    <row r="145" spans="1:6" s="3" customFormat="1" ht="30" customHeight="1" x14ac:dyDescent="0.25">
      <c r="A145" s="5" t="s">
        <v>16</v>
      </c>
      <c r="B145" s="207" t="s">
        <v>263</v>
      </c>
      <c r="C145" s="207"/>
      <c r="D145" s="207"/>
      <c r="E145" s="207"/>
      <c r="F145" s="2"/>
    </row>
    <row r="146" spans="1:6" s="33" customFormat="1" ht="30" customHeight="1" x14ac:dyDescent="0.25">
      <c r="A146" s="206" t="s">
        <v>34</v>
      </c>
      <c r="B146" s="206"/>
      <c r="C146" s="206"/>
      <c r="D146" s="206"/>
      <c r="E146" s="3"/>
      <c r="F146" s="2"/>
    </row>
    <row r="147" spans="1:6" s="2" customFormat="1" ht="24.95" customHeight="1" x14ac:dyDescent="0.25">
      <c r="A147" s="32" t="s">
        <v>35</v>
      </c>
      <c r="B147" s="183"/>
      <c r="C147" s="183"/>
      <c r="E147" s="33"/>
    </row>
    <row r="148" spans="1:6" s="2" customFormat="1" ht="24.95" customHeight="1" x14ac:dyDescent="0.25">
      <c r="A148" s="32" t="s">
        <v>36</v>
      </c>
      <c r="B148" s="184"/>
      <c r="C148" s="184"/>
      <c r="E148" s="33"/>
    </row>
    <row r="149" spans="1:6" s="2" customFormat="1" ht="24.95" customHeight="1" x14ac:dyDescent="0.25">
      <c r="A149" s="32" t="s">
        <v>37</v>
      </c>
      <c r="B149" s="184"/>
      <c r="C149" s="184"/>
      <c r="E149" s="33"/>
    </row>
    <row r="150" spans="1:6" s="3" customFormat="1" ht="24.95" customHeight="1" x14ac:dyDescent="0.25">
      <c r="A150" s="32" t="s">
        <v>38</v>
      </c>
      <c r="B150" s="184"/>
      <c r="C150" s="184"/>
      <c r="D150" s="2"/>
      <c r="E150" s="34"/>
      <c r="F150" s="2"/>
    </row>
    <row r="151" spans="1:6" s="2" customFormat="1" ht="46.5" customHeight="1" x14ac:dyDescent="0.2">
      <c r="A151" s="12"/>
      <c r="B151" s="13"/>
      <c r="C151" s="13"/>
      <c r="E151" s="35"/>
    </row>
    <row r="152" spans="1:6" s="3" customFormat="1" ht="15" customHeight="1" x14ac:dyDescent="0.25">
      <c r="A152" s="186" t="s">
        <v>39</v>
      </c>
      <c r="B152" s="186"/>
      <c r="C152" s="186"/>
      <c r="D152" s="186"/>
      <c r="E152" s="186"/>
    </row>
    <row r="153" spans="1:6" s="2" customFormat="1" ht="36.75" customHeight="1" x14ac:dyDescent="0.25">
      <c r="A153" s="185" t="s">
        <v>64</v>
      </c>
      <c r="B153" s="185"/>
      <c r="C153" s="185"/>
      <c r="D153" s="185"/>
      <c r="E153" s="185"/>
    </row>
    <row r="154" spans="1:6" s="2" customFormat="1" ht="20.100000000000001" customHeight="1" x14ac:dyDescent="0.2">
      <c r="A154" s="1"/>
      <c r="B154" s="1"/>
      <c r="C154" s="8"/>
      <c r="D154" s="8"/>
    </row>
    <row r="155" spans="1:6" s="3" customFormat="1" ht="4.5" customHeight="1" x14ac:dyDescent="0.2">
      <c r="A155" s="1"/>
      <c r="B155" s="1"/>
      <c r="C155" s="8"/>
      <c r="D155" s="8"/>
      <c r="E155" s="2"/>
    </row>
    <row r="156" spans="1:6" s="3" customFormat="1" ht="20.100000000000001" customHeight="1" x14ac:dyDescent="0.25">
      <c r="A156" s="36" t="s">
        <v>40</v>
      </c>
      <c r="B156" s="37"/>
      <c r="C156" s="38" t="s">
        <v>41</v>
      </c>
      <c r="D156" s="182"/>
      <c r="E156" s="182"/>
    </row>
    <row r="157" spans="1:6" s="3" customFormat="1" ht="20.100000000000001" customHeight="1" x14ac:dyDescent="0.25">
      <c r="A157" s="39"/>
      <c r="B157" s="39"/>
      <c r="C157" s="39"/>
      <c r="D157" s="40"/>
      <c r="E157" s="40"/>
    </row>
    <row r="158" spans="1:6" ht="20.100000000000001" customHeight="1" x14ac:dyDescent="0.2">
      <c r="A158" s="36" t="s">
        <v>42</v>
      </c>
      <c r="B158" s="37"/>
      <c r="C158" s="41" t="s">
        <v>43</v>
      </c>
      <c r="D158" s="183"/>
      <c r="E158" s="183"/>
    </row>
    <row r="159" spans="1:6" s="2" customFormat="1" ht="20.100000000000001" customHeight="1" x14ac:dyDescent="0.2">
      <c r="A159" s="1"/>
      <c r="B159" s="1"/>
      <c r="C159" s="41" t="s">
        <v>44</v>
      </c>
      <c r="D159" s="184"/>
      <c r="E159" s="184"/>
    </row>
    <row r="160" spans="1:6" s="2" customFormat="1" ht="20.100000000000001" customHeight="1" x14ac:dyDescent="0.2">
      <c r="A160" s="1"/>
      <c r="B160" s="1"/>
      <c r="C160" s="42" t="s">
        <v>45</v>
      </c>
      <c r="D160" s="1"/>
    </row>
    <row r="161" spans="1:5" s="2" customFormat="1" ht="37.5" customHeight="1" x14ac:dyDescent="0.25"/>
    <row r="162" spans="1:5" s="2" customFormat="1" ht="24" customHeight="1" x14ac:dyDescent="0.25"/>
    <row r="163" spans="1:5" s="2" customFormat="1" ht="24" customHeight="1" x14ac:dyDescent="0.25"/>
    <row r="164" spans="1:5" s="2" customFormat="1" ht="24" customHeight="1" x14ac:dyDescent="0.25"/>
    <row r="165" spans="1:5" s="2" customFormat="1" ht="20.100000000000001" customHeight="1" x14ac:dyDescent="0.25"/>
    <row r="166" spans="1:5" s="2" customFormat="1" ht="20.100000000000001" customHeight="1" x14ac:dyDescent="0.25"/>
    <row r="167" spans="1:5" s="2" customFormat="1" ht="50.1" customHeight="1" x14ac:dyDescent="0.25"/>
    <row r="168" spans="1:5" s="2" customFormat="1" ht="43.5" customHeight="1" x14ac:dyDescent="0.25"/>
    <row r="169" spans="1:5" ht="24.75" customHeight="1" x14ac:dyDescent="0.2">
      <c r="A169" s="2"/>
      <c r="B169" s="2"/>
      <c r="C169" s="2"/>
      <c r="D169" s="2"/>
      <c r="E169" s="1"/>
    </row>
    <row r="170" spans="1:5" x14ac:dyDescent="0.2">
      <c r="A170" s="2"/>
      <c r="B170" s="2"/>
      <c r="C170" s="2"/>
      <c r="D170" s="2"/>
      <c r="E170" s="1"/>
    </row>
    <row r="171" spans="1:5" ht="20.100000000000001" customHeight="1" x14ac:dyDescent="0.2">
      <c r="E171" s="1"/>
    </row>
    <row r="172" spans="1:5" ht="4.5" customHeight="1" x14ac:dyDescent="0.2">
      <c r="E172" s="1"/>
    </row>
    <row r="173" spans="1:5" ht="20.100000000000001" customHeight="1" x14ac:dyDescent="0.2">
      <c r="E173" s="1"/>
    </row>
    <row r="174" spans="1:5" ht="20.100000000000001" customHeight="1" x14ac:dyDescent="0.2">
      <c r="E174" s="1"/>
    </row>
    <row r="175" spans="1:5" ht="20.100000000000001" customHeight="1" x14ac:dyDescent="0.2">
      <c r="E175" s="1"/>
    </row>
  </sheetData>
  <mergeCells count="104">
    <mergeCell ref="A146:D146"/>
    <mergeCell ref="B145:E145"/>
    <mergeCell ref="A144:E144"/>
    <mergeCell ref="A21:E21"/>
    <mergeCell ref="B38:E38"/>
    <mergeCell ref="D41:E41"/>
    <mergeCell ref="D42:E42"/>
    <mergeCell ref="D43:E43"/>
    <mergeCell ref="D44:E44"/>
    <mergeCell ref="D45:E45"/>
    <mergeCell ref="D46:E46"/>
    <mergeCell ref="D142:E142"/>
    <mergeCell ref="D132:E132"/>
    <mergeCell ref="D133:E133"/>
    <mergeCell ref="D134:E134"/>
    <mergeCell ref="D117:E117"/>
    <mergeCell ref="D120:E120"/>
    <mergeCell ref="D78:E78"/>
    <mergeCell ref="D130:E130"/>
    <mergeCell ref="A137:E137"/>
    <mergeCell ref="A139:B140"/>
    <mergeCell ref="C139:E139"/>
    <mergeCell ref="D140:E140"/>
    <mergeCell ref="D126:E126"/>
    <mergeCell ref="A7:E7"/>
    <mergeCell ref="A8:E8"/>
    <mergeCell ref="A9:E9"/>
    <mergeCell ref="A11:E11"/>
    <mergeCell ref="A12:C12"/>
    <mergeCell ref="A13:C13"/>
    <mergeCell ref="A34:E34"/>
    <mergeCell ref="A36:B37"/>
    <mergeCell ref="C36:E36"/>
    <mergeCell ref="D37:E37"/>
    <mergeCell ref="A22:E22"/>
    <mergeCell ref="B27:C27"/>
    <mergeCell ref="A30:B30"/>
    <mergeCell ref="B28:C28"/>
    <mergeCell ref="C104:C105"/>
    <mergeCell ref="D104:E105"/>
    <mergeCell ref="D107:E108"/>
    <mergeCell ref="C107:C108"/>
    <mergeCell ref="A16:C16"/>
    <mergeCell ref="A17:C17"/>
    <mergeCell ref="A18:E18"/>
    <mergeCell ref="A19:E19"/>
    <mergeCell ref="A20:C20"/>
    <mergeCell ref="D89:E89"/>
    <mergeCell ref="D90:E90"/>
    <mergeCell ref="D91:E91"/>
    <mergeCell ref="D95:E95"/>
    <mergeCell ref="D39:E39"/>
    <mergeCell ref="D96:E96"/>
    <mergeCell ref="D97:E97"/>
    <mergeCell ref="D98:E98"/>
    <mergeCell ref="D99:E99"/>
    <mergeCell ref="D100:E100"/>
    <mergeCell ref="D101:E101"/>
    <mergeCell ref="D102:E102"/>
    <mergeCell ref="D156:E156"/>
    <mergeCell ref="D158:E158"/>
    <mergeCell ref="D159:E159"/>
    <mergeCell ref="A153:E153"/>
    <mergeCell ref="A152:E152"/>
    <mergeCell ref="B147:C147"/>
    <mergeCell ref="B148:C148"/>
    <mergeCell ref="B149:C149"/>
    <mergeCell ref="B150:C150"/>
    <mergeCell ref="D135:E135"/>
    <mergeCell ref="A2:E2"/>
    <mergeCell ref="A1:E1"/>
    <mergeCell ref="A23:B23"/>
    <mergeCell ref="A26:B26"/>
    <mergeCell ref="D141:E141"/>
    <mergeCell ref="D116:E116"/>
    <mergeCell ref="D87:E87"/>
    <mergeCell ref="D88:E88"/>
    <mergeCell ref="D109:E109"/>
    <mergeCell ref="D110:E110"/>
    <mergeCell ref="D111:E111"/>
    <mergeCell ref="D112:E112"/>
    <mergeCell ref="D113:E113"/>
    <mergeCell ref="D114:E114"/>
    <mergeCell ref="D115:E115"/>
    <mergeCell ref="D86:E86"/>
    <mergeCell ref="A81:E81"/>
    <mergeCell ref="A83:B84"/>
    <mergeCell ref="C83:E83"/>
    <mergeCell ref="D84:E84"/>
    <mergeCell ref="A3:E3"/>
    <mergeCell ref="C92:C94"/>
    <mergeCell ref="D92:E94"/>
    <mergeCell ref="D118:E118"/>
    <mergeCell ref="D119:E119"/>
    <mergeCell ref="D85:E85"/>
    <mergeCell ref="D131:E131"/>
    <mergeCell ref="D127:E127"/>
    <mergeCell ref="D128:E128"/>
    <mergeCell ref="D129:E129"/>
    <mergeCell ref="D121:E121"/>
    <mergeCell ref="D122:E122"/>
    <mergeCell ref="D123:E123"/>
    <mergeCell ref="D124:E124"/>
    <mergeCell ref="D125:E125"/>
  </mergeCells>
  <conditionalFormatting sqref="B147:C148 B150:C150 C85:C93 C95:C104 C107 C41:C79 C109:C133">
    <cfRule type="containsBlanks" dxfId="21" priority="68">
      <formula>LEN(TRIM(B41))=0</formula>
    </cfRule>
  </conditionalFormatting>
  <conditionalFormatting sqref="D158:E158">
    <cfRule type="containsBlanks" dxfId="20" priority="67">
      <formula>LEN(TRIM(D158))=0</formula>
    </cfRule>
  </conditionalFormatting>
  <conditionalFormatting sqref="B156">
    <cfRule type="containsBlanks" dxfId="19" priority="65">
      <formula>LEN(TRIM(B156))=0</formula>
    </cfRule>
  </conditionalFormatting>
  <conditionalFormatting sqref="D159:E159">
    <cfRule type="containsBlanks" dxfId="18" priority="66">
      <formula>LEN(TRIM(D159))=0</formula>
    </cfRule>
  </conditionalFormatting>
  <conditionalFormatting sqref="B158">
    <cfRule type="containsBlanks" dxfId="17" priority="64">
      <formula>LEN(TRIM(B158))=0</formula>
    </cfRule>
  </conditionalFormatting>
  <conditionalFormatting sqref="B4:B5">
    <cfRule type="containsBlanks" dxfId="16" priority="63">
      <formula>LEN(TRIM(B4))=0</formula>
    </cfRule>
  </conditionalFormatting>
  <conditionalFormatting sqref="C141">
    <cfRule type="containsBlanks" dxfId="15" priority="57">
      <formula>LEN(TRIM(C141))=0</formula>
    </cfRule>
  </conditionalFormatting>
  <conditionalFormatting sqref="C142">
    <cfRule type="containsBlanks" dxfId="14" priority="56">
      <formula>LEN(TRIM(C142))=0</formula>
    </cfRule>
  </conditionalFormatting>
  <conditionalFormatting sqref="B149:C149">
    <cfRule type="containsBlanks" dxfId="13" priority="53">
      <formula>LEN(TRIM(B149))=0</formula>
    </cfRule>
  </conditionalFormatting>
  <conditionalFormatting sqref="C134">
    <cfRule type="containsBlanks" dxfId="12" priority="4">
      <formula>LEN(TRIM(C134))=0</formula>
    </cfRule>
  </conditionalFormatting>
  <conditionalFormatting sqref="C135">
    <cfRule type="containsBlanks" dxfId="11" priority="3">
      <formula>LEN(TRIM(C135))=0</formula>
    </cfRule>
  </conditionalFormatting>
  <conditionalFormatting sqref="C39:C40">
    <cfRule type="containsBlanks" dxfId="10" priority="1">
      <formula>LEN(TRIM(C39))=0</formula>
    </cfRule>
  </conditionalFormatting>
  <printOptions horizontalCentered="1"/>
  <pageMargins left="0.70866141732283472" right="0.70866141732283472" top="0.86614173228346458" bottom="0.51181102362204722"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2" manualBreakCount="2">
    <brk id="112" max="4" man="1"/>
    <brk id="128"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38175</xdr:colOff>
                    <xdr:row>23</xdr:row>
                    <xdr:rowOff>0</xdr:rowOff>
                  </from>
                  <to>
                    <xdr:col>0</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38175</xdr:colOff>
                    <xdr:row>24</xdr:row>
                    <xdr:rowOff>9525</xdr:rowOff>
                  </from>
                  <to>
                    <xdr:col>0</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38175</xdr:colOff>
                    <xdr:row>30</xdr:row>
                    <xdr:rowOff>9525</xdr:rowOff>
                  </from>
                  <to>
                    <xdr:col>0</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38175</xdr:colOff>
                    <xdr:row>31</xdr:row>
                    <xdr:rowOff>0</xdr:rowOff>
                  </from>
                  <to>
                    <xdr:col>0</xdr:col>
                    <xdr:colOff>885825</xdr:colOff>
                    <xdr:row>31</xdr:row>
                    <xdr:rowOff>21907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U30"/>
  <sheetViews>
    <sheetView showGridLines="0" zoomScaleNormal="100" workbookViewId="0">
      <selection activeCell="M4" sqref="M4"/>
    </sheetView>
  </sheetViews>
  <sheetFormatPr defaultColWidth="9.140625" defaultRowHeight="12.75" x14ac:dyDescent="0.2"/>
  <cols>
    <col min="1" max="1" width="6.42578125" style="1" customWidth="1"/>
    <col min="2" max="2" width="6.7109375" style="1" customWidth="1"/>
    <col min="3" max="3" width="20.7109375" style="1" customWidth="1"/>
    <col min="4" max="4" width="9.7109375" style="8" customWidth="1"/>
    <col min="5" max="5" width="10.7109375" style="8" customWidth="1"/>
    <col min="6" max="6" width="2" style="51" customWidth="1"/>
    <col min="7" max="7" width="23.42578125" style="8" customWidth="1"/>
    <col min="8" max="8" width="19.28515625" style="8" customWidth="1"/>
    <col min="9" max="9" width="10" style="8" customWidth="1"/>
    <col min="10" max="10" width="9.7109375" style="8" customWidth="1"/>
    <col min="11" max="11" width="8.7109375" style="8" customWidth="1"/>
    <col min="12" max="12" width="10.28515625" style="8" customWidth="1"/>
    <col min="13" max="13" width="15.7109375" style="46" customWidth="1"/>
    <col min="14" max="14" width="8.7109375" style="52" customWidth="1"/>
    <col min="15" max="15" width="12.42578125" style="53" customWidth="1"/>
    <col min="16" max="16" width="15.7109375" style="54" customWidth="1"/>
    <col min="17" max="18" width="15.7109375" style="51" customWidth="1"/>
    <col min="19" max="19" width="2" style="51" customWidth="1"/>
    <col min="20" max="20" width="15.7109375" style="46" customWidth="1"/>
    <col min="21" max="21" width="15.7109375" style="54" customWidth="1"/>
    <col min="22" max="16384" width="9.140625" style="1"/>
  </cols>
  <sheetData>
    <row r="1" spans="1:21" s="2" customFormat="1" ht="20.100000000000001" customHeight="1" x14ac:dyDescent="0.25">
      <c r="A1" s="220" t="s">
        <v>46</v>
      </c>
      <c r="B1" s="220"/>
      <c r="C1" s="220"/>
      <c r="D1" s="220"/>
      <c r="E1" s="220"/>
      <c r="F1" s="220"/>
      <c r="G1" s="220"/>
      <c r="H1" s="220"/>
      <c r="I1" s="220"/>
      <c r="J1" s="220"/>
      <c r="K1" s="220"/>
      <c r="L1" s="220"/>
      <c r="M1" s="220"/>
      <c r="N1" s="220"/>
      <c r="O1" s="220"/>
      <c r="P1" s="220"/>
      <c r="Q1" s="220"/>
      <c r="R1" s="220"/>
      <c r="S1" s="11"/>
      <c r="T1" s="43"/>
      <c r="U1" s="46"/>
    </row>
    <row r="2" spans="1:21" s="2" customFormat="1" x14ac:dyDescent="0.25">
      <c r="A2" s="18"/>
      <c r="B2" s="18"/>
      <c r="D2" s="6"/>
      <c r="E2" s="6"/>
      <c r="F2" s="11"/>
      <c r="G2" s="6"/>
      <c r="H2" s="6"/>
      <c r="I2" s="139"/>
      <c r="J2" s="139"/>
      <c r="K2" s="139"/>
      <c r="L2" s="139"/>
      <c r="M2" s="43"/>
      <c r="N2" s="44"/>
      <c r="O2" s="45"/>
      <c r="P2" s="46"/>
      <c r="Q2" s="11"/>
      <c r="R2" s="11"/>
      <c r="S2" s="11"/>
      <c r="T2" s="43"/>
      <c r="U2" s="46"/>
    </row>
    <row r="3" spans="1:21" s="2" customFormat="1" ht="20.100000000000001" customHeight="1" x14ac:dyDescent="0.2">
      <c r="A3" s="47" t="s">
        <v>47</v>
      </c>
      <c r="B3" s="47"/>
      <c r="D3" s="6"/>
      <c r="E3" s="6"/>
      <c r="F3" s="11"/>
      <c r="G3" s="6"/>
      <c r="H3" s="6"/>
      <c r="I3" s="139"/>
      <c r="J3" s="139"/>
      <c r="K3" s="139"/>
      <c r="L3" s="139"/>
      <c r="M3" s="43"/>
      <c r="N3" s="44"/>
      <c r="O3" s="45"/>
      <c r="P3" s="46"/>
      <c r="Q3" s="11"/>
      <c r="R3" s="11"/>
      <c r="S3" s="11"/>
      <c r="T3" s="43"/>
      <c r="U3" s="46"/>
    </row>
    <row r="4" spans="1:21" s="2" customFormat="1" ht="24.95" customHeight="1" x14ac:dyDescent="0.25">
      <c r="A4" s="74" t="s">
        <v>255</v>
      </c>
      <c r="B4" s="48"/>
      <c r="D4" s="6"/>
      <c r="E4" s="6"/>
      <c r="F4" s="11"/>
      <c r="G4" s="6"/>
      <c r="H4" s="6"/>
      <c r="I4" s="139"/>
      <c r="J4" s="139"/>
      <c r="K4" s="139"/>
      <c r="L4" s="139"/>
      <c r="M4" s="43"/>
      <c r="N4" s="44"/>
      <c r="O4" s="45"/>
      <c r="P4" s="46"/>
      <c r="Q4" s="11"/>
      <c r="R4" s="11"/>
      <c r="S4" s="11"/>
      <c r="T4" s="43"/>
      <c r="U4" s="46"/>
    </row>
    <row r="5" spans="1:21" s="2" customFormat="1" ht="13.5" thickBot="1" x14ac:dyDescent="0.3">
      <c r="A5" s="18"/>
      <c r="B5" s="18"/>
      <c r="D5" s="6"/>
      <c r="E5" s="6"/>
      <c r="F5" s="11"/>
      <c r="G5" s="6"/>
      <c r="H5" s="6"/>
      <c r="I5" s="139"/>
      <c r="J5" s="139"/>
      <c r="K5" s="139"/>
      <c r="L5" s="139"/>
      <c r="M5" s="43"/>
      <c r="N5" s="44"/>
      <c r="O5" s="45"/>
      <c r="P5" s="46"/>
      <c r="Q5" s="11"/>
      <c r="R5" s="11"/>
      <c r="S5" s="11"/>
      <c r="T5" s="43"/>
      <c r="U5" s="46"/>
    </row>
    <row r="6" spans="1:21" s="23" customFormat="1" ht="48.75" thickBot="1" x14ac:dyDescent="0.3">
      <c r="A6" s="96" t="s">
        <v>48</v>
      </c>
      <c r="B6" s="221" t="s">
        <v>12</v>
      </c>
      <c r="C6" s="222"/>
      <c r="D6" s="97" t="s">
        <v>49</v>
      </c>
      <c r="E6" s="98" t="s">
        <v>50</v>
      </c>
      <c r="F6" s="49"/>
      <c r="G6" s="75" t="s">
        <v>51</v>
      </c>
      <c r="H6" s="76" t="s">
        <v>52</v>
      </c>
      <c r="I6" s="145" t="s">
        <v>257</v>
      </c>
      <c r="J6" s="145" t="s">
        <v>258</v>
      </c>
      <c r="K6" s="145" t="s">
        <v>259</v>
      </c>
      <c r="L6" s="145" t="s">
        <v>260</v>
      </c>
      <c r="M6" s="81" t="s">
        <v>53</v>
      </c>
      <c r="N6" s="77" t="s">
        <v>54</v>
      </c>
      <c r="O6" s="78" t="s">
        <v>55</v>
      </c>
      <c r="P6" s="82" t="s">
        <v>56</v>
      </c>
      <c r="Q6" s="80" t="s">
        <v>57</v>
      </c>
      <c r="R6" s="79" t="s">
        <v>58</v>
      </c>
      <c r="S6" s="49"/>
    </row>
    <row r="7" spans="1:21" s="2" customFormat="1" ht="54" customHeight="1" thickBot="1" x14ac:dyDescent="0.3">
      <c r="A7" s="138" t="s">
        <v>15</v>
      </c>
      <c r="B7" s="232" t="s">
        <v>255</v>
      </c>
      <c r="C7" s="233"/>
      <c r="D7" s="113" t="s">
        <v>252</v>
      </c>
      <c r="E7" s="114">
        <v>1</v>
      </c>
      <c r="F7" s="50"/>
      <c r="G7" s="84"/>
      <c r="H7" s="115"/>
      <c r="I7" s="146"/>
      <c r="J7" s="146"/>
      <c r="K7" s="146"/>
      <c r="L7" s="146"/>
      <c r="M7" s="116"/>
      <c r="N7" s="117"/>
      <c r="O7" s="118"/>
      <c r="P7" s="119"/>
      <c r="Q7" s="120"/>
      <c r="R7" s="121"/>
      <c r="S7" s="50"/>
    </row>
    <row r="8" spans="1:21" ht="39.950000000000003" customHeight="1" thickBot="1" x14ac:dyDescent="0.25">
      <c r="Q8" s="89">
        <f>SUM(Q7:Q7)</f>
        <v>0</v>
      </c>
      <c r="R8" s="90">
        <f>SUM(R7:R7)</f>
        <v>0</v>
      </c>
    </row>
    <row r="9" spans="1:21" ht="18" customHeight="1" thickBot="1" x14ac:dyDescent="0.25">
      <c r="A9" s="55" t="s">
        <v>59</v>
      </c>
      <c r="B9" s="55"/>
      <c r="C9" s="56"/>
      <c r="D9" s="1"/>
      <c r="E9" s="57"/>
      <c r="F9" s="57"/>
      <c r="G9" s="58"/>
      <c r="H9" s="57"/>
      <c r="I9" s="57"/>
      <c r="J9" s="57"/>
      <c r="K9" s="57"/>
      <c r="L9" s="57"/>
      <c r="Q9" s="57"/>
      <c r="R9" s="57"/>
      <c r="S9" s="57"/>
    </row>
    <row r="10" spans="1:21" ht="30" customHeight="1" x14ac:dyDescent="0.2">
      <c r="A10" s="99">
        <v>1</v>
      </c>
      <c r="B10" s="223" t="s">
        <v>75</v>
      </c>
      <c r="C10" s="224"/>
      <c r="D10" s="224"/>
      <c r="E10" s="225"/>
      <c r="F10" s="59"/>
      <c r="G10" s="84"/>
      <c r="H10" s="100" t="s">
        <v>76</v>
      </c>
      <c r="I10" s="147"/>
      <c r="J10" s="147"/>
      <c r="K10" s="147"/>
      <c r="L10" s="147"/>
      <c r="Q10" s="59"/>
      <c r="R10" s="59"/>
      <c r="S10" s="59"/>
    </row>
    <row r="11" spans="1:21" ht="30" customHeight="1" x14ac:dyDescent="0.2">
      <c r="A11" s="101">
        <v>2</v>
      </c>
      <c r="B11" s="226" t="s">
        <v>77</v>
      </c>
      <c r="C11" s="227"/>
      <c r="D11" s="227"/>
      <c r="E11" s="228"/>
      <c r="F11" s="59"/>
      <c r="G11" s="85"/>
      <c r="H11" s="102" t="s">
        <v>78</v>
      </c>
      <c r="I11" s="147"/>
      <c r="J11" s="147"/>
      <c r="K11" s="147"/>
      <c r="L11" s="147"/>
      <c r="Q11" s="59"/>
      <c r="R11" s="59"/>
      <c r="S11" s="59"/>
    </row>
    <row r="12" spans="1:21" ht="30" customHeight="1" thickBot="1" x14ac:dyDescent="0.25">
      <c r="A12" s="103">
        <v>3</v>
      </c>
      <c r="B12" s="229" t="s">
        <v>79</v>
      </c>
      <c r="C12" s="230"/>
      <c r="D12" s="230"/>
      <c r="E12" s="231"/>
      <c r="F12" s="59"/>
      <c r="G12" s="104"/>
      <c r="H12" s="105" t="s">
        <v>80</v>
      </c>
      <c r="I12" s="147"/>
      <c r="J12" s="147"/>
      <c r="K12" s="147"/>
      <c r="L12" s="147"/>
      <c r="Q12" s="59"/>
      <c r="R12" s="59"/>
      <c r="S12" s="59"/>
    </row>
    <row r="13" spans="1:21" ht="29.25" customHeight="1" x14ac:dyDescent="0.2">
      <c r="E13" s="1"/>
      <c r="F13" s="1"/>
      <c r="G13" s="1"/>
      <c r="Q13" s="1"/>
      <c r="R13" s="1"/>
      <c r="S13" s="1"/>
    </row>
    <row r="14" spans="1:21" ht="24.95" customHeight="1" x14ac:dyDescent="0.2">
      <c r="B14" s="62" t="s">
        <v>65</v>
      </c>
      <c r="C14" s="218"/>
      <c r="D14" s="219"/>
      <c r="E14" s="219"/>
      <c r="F14" s="1"/>
      <c r="G14" s="1"/>
      <c r="H14" s="1"/>
      <c r="I14" s="1"/>
      <c r="J14" s="1"/>
      <c r="K14" s="1"/>
      <c r="L14" s="1"/>
      <c r="M14" s="1"/>
      <c r="N14" s="1"/>
      <c r="O14" s="1"/>
      <c r="P14" s="1"/>
      <c r="Q14" s="1"/>
      <c r="R14" s="1"/>
      <c r="S14" s="1"/>
      <c r="T14" s="1"/>
      <c r="U14" s="1"/>
    </row>
    <row r="15" spans="1:21" ht="24.95" customHeight="1" x14ac:dyDescent="0.2">
      <c r="B15" s="62" t="s">
        <v>63</v>
      </c>
      <c r="C15" s="218"/>
      <c r="D15" s="219"/>
      <c r="E15" s="219"/>
      <c r="F15" s="1"/>
      <c r="G15" s="1"/>
      <c r="H15" s="1"/>
      <c r="I15" s="1"/>
      <c r="J15" s="1"/>
      <c r="K15" s="1"/>
      <c r="L15" s="1"/>
      <c r="M15" s="1"/>
      <c r="N15" s="1"/>
      <c r="O15" s="1"/>
      <c r="P15" s="1"/>
      <c r="Q15" s="1"/>
      <c r="R15" s="1"/>
      <c r="S15" s="1"/>
      <c r="T15" s="1"/>
      <c r="U15" s="1"/>
    </row>
    <row r="16" spans="1:21" ht="24.95" customHeight="1" x14ac:dyDescent="0.2">
      <c r="D16" s="1"/>
      <c r="E16" s="1"/>
      <c r="F16" s="1"/>
      <c r="G16" s="1"/>
      <c r="H16" s="1"/>
      <c r="I16" s="1"/>
      <c r="J16" s="1"/>
      <c r="K16" s="1"/>
      <c r="L16" s="1"/>
      <c r="M16" s="1"/>
      <c r="N16" s="1"/>
      <c r="O16" s="1"/>
      <c r="P16" s="1"/>
      <c r="Q16" s="1"/>
      <c r="R16" s="1"/>
      <c r="S16" s="1"/>
      <c r="T16" s="1"/>
      <c r="U16" s="1"/>
    </row>
    <row r="17" spans="2:19" s="14" customFormat="1" ht="20.100000000000001" customHeight="1" x14ac:dyDescent="0.25">
      <c r="B17" s="62" t="s">
        <v>40</v>
      </c>
      <c r="C17" s="218"/>
      <c r="D17" s="219"/>
      <c r="E17" s="219"/>
    </row>
    <row r="18" spans="2:19" s="14" customFormat="1" ht="20.100000000000001" customHeight="1" x14ac:dyDescent="0.25">
      <c r="B18" s="62" t="s">
        <v>42</v>
      </c>
      <c r="C18" s="218"/>
      <c r="D18" s="219"/>
      <c r="E18" s="219"/>
      <c r="O18" s="61" t="s">
        <v>41</v>
      </c>
      <c r="P18" s="182"/>
      <c r="Q18" s="182"/>
    </row>
    <row r="19" spans="2:19" ht="5.25" customHeight="1" x14ac:dyDescent="0.25">
      <c r="H19" s="1"/>
      <c r="I19" s="1"/>
      <c r="J19" s="1"/>
      <c r="K19" s="1"/>
      <c r="L19" s="1"/>
      <c r="M19" s="1"/>
      <c r="N19" s="1"/>
      <c r="O19" s="20"/>
      <c r="P19" s="40"/>
      <c r="Q19" s="40"/>
    </row>
    <row r="20" spans="2:19" ht="20.100000000000001" customHeight="1" x14ac:dyDescent="0.2">
      <c r="H20" s="1"/>
      <c r="I20" s="1"/>
      <c r="J20" s="1"/>
      <c r="K20" s="1"/>
      <c r="L20" s="1"/>
      <c r="M20" s="1"/>
      <c r="N20" s="1"/>
      <c r="O20" s="62" t="s">
        <v>43</v>
      </c>
      <c r="P20" s="183"/>
      <c r="Q20" s="183"/>
    </row>
    <row r="21" spans="2:19" ht="20.100000000000001" customHeight="1" x14ac:dyDescent="0.2">
      <c r="E21" s="1"/>
      <c r="F21" s="1"/>
      <c r="G21" s="1"/>
      <c r="M21" s="1"/>
      <c r="N21" s="1"/>
      <c r="O21" s="62" t="s">
        <v>44</v>
      </c>
      <c r="P21" s="184"/>
      <c r="Q21" s="184"/>
      <c r="R21" s="1"/>
      <c r="S21" s="1"/>
    </row>
    <row r="22" spans="2:19" x14ac:dyDescent="0.2">
      <c r="E22" s="1"/>
      <c r="F22" s="1"/>
      <c r="G22" s="1"/>
      <c r="M22" s="1"/>
      <c r="N22" s="1"/>
      <c r="O22" s="63" t="s">
        <v>45</v>
      </c>
      <c r="P22" s="1"/>
      <c r="Q22" s="2"/>
      <c r="R22" s="1"/>
      <c r="S22" s="1"/>
    </row>
    <row r="23" spans="2:19" x14ac:dyDescent="0.2">
      <c r="E23" s="1"/>
      <c r="F23" s="1"/>
      <c r="G23" s="1"/>
      <c r="M23" s="1"/>
      <c r="N23" s="1"/>
      <c r="O23" s="1"/>
      <c r="Q23" s="1"/>
      <c r="R23" s="1"/>
      <c r="S23" s="1"/>
    </row>
    <row r="26" spans="2:19" x14ac:dyDescent="0.2">
      <c r="G26" s="60"/>
      <c r="H26" s="60"/>
      <c r="I26" s="60"/>
      <c r="J26" s="60"/>
      <c r="K26" s="60"/>
      <c r="L26" s="60"/>
    </row>
    <row r="27" spans="2:19" x14ac:dyDescent="0.2">
      <c r="G27" s="67"/>
      <c r="H27" s="67"/>
      <c r="I27" s="67"/>
      <c r="J27" s="67"/>
      <c r="K27" s="67"/>
      <c r="L27" s="67"/>
    </row>
    <row r="28" spans="2:19" x14ac:dyDescent="0.2">
      <c r="G28" s="67"/>
      <c r="H28" s="67"/>
      <c r="I28" s="67"/>
      <c r="J28" s="67"/>
      <c r="K28" s="67"/>
      <c r="L28" s="67"/>
    </row>
    <row r="29" spans="2:19" x14ac:dyDescent="0.2">
      <c r="G29" s="67"/>
      <c r="H29" s="67"/>
      <c r="I29" s="67"/>
      <c r="J29" s="67"/>
      <c r="K29" s="67"/>
      <c r="L29" s="67"/>
    </row>
    <row r="30" spans="2:19" x14ac:dyDescent="0.2">
      <c r="G30" s="67"/>
      <c r="H30" s="67"/>
      <c r="I30" s="67"/>
      <c r="J30" s="67"/>
      <c r="K30" s="67"/>
      <c r="L30" s="67"/>
    </row>
  </sheetData>
  <mergeCells count="13">
    <mergeCell ref="A1:R1"/>
    <mergeCell ref="B6:C6"/>
    <mergeCell ref="B10:E10"/>
    <mergeCell ref="B11:E11"/>
    <mergeCell ref="B12:E12"/>
    <mergeCell ref="B7:C7"/>
    <mergeCell ref="P20:Q20"/>
    <mergeCell ref="P21:Q21"/>
    <mergeCell ref="P18:Q18"/>
    <mergeCell ref="C14:E14"/>
    <mergeCell ref="C15:E15"/>
    <mergeCell ref="C17:E17"/>
    <mergeCell ref="C18:E18"/>
  </mergeCells>
  <conditionalFormatting sqref="P20:Q20 G7:L7">
    <cfRule type="containsBlanks" dxfId="9" priority="28">
      <formula>LEN(TRIM(G7))=0</formula>
    </cfRule>
  </conditionalFormatting>
  <conditionalFormatting sqref="P21:Q21">
    <cfRule type="containsBlanks" dxfId="8" priority="27">
      <formula>LEN(TRIM(P21))=0</formula>
    </cfRule>
  </conditionalFormatting>
  <conditionalFormatting sqref="G11:G12">
    <cfRule type="containsBlanks" dxfId="7" priority="6">
      <formula>LEN(TRIM(G11))=0</formula>
    </cfRule>
  </conditionalFormatting>
  <conditionalFormatting sqref="G10">
    <cfRule type="containsBlanks" dxfId="6" priority="5">
      <formula>LEN(TRIM(G10))=0</formula>
    </cfRule>
  </conditionalFormatting>
  <conditionalFormatting sqref="Q7:R7">
    <cfRule type="containsBlanks" dxfId="5" priority="4">
      <formula>LEN(TRIM(Q7))=0</formula>
    </cfRule>
  </conditionalFormatting>
  <conditionalFormatting sqref="N7">
    <cfRule type="containsBlanks" dxfId="4" priority="3">
      <formula>LEN(TRIM(N7))=0</formula>
    </cfRule>
  </conditionalFormatting>
  <conditionalFormatting sqref="M7">
    <cfRule type="containsBlanks" dxfId="3" priority="1">
      <formula>LEN(TRIM(M7))=0</formula>
    </cfRule>
  </conditionalFormatting>
  <conditionalFormatting sqref="O7:P7">
    <cfRule type="containsBlanks" dxfId="2" priority="2">
      <formula>LEN(TRIM(O7))=0</formula>
    </cfRule>
  </conditionalFormatting>
  <pageMargins left="0.70866141732283472" right="0.70866141732283472" top="0.98124999999999996" bottom="0.74803149606299213" header="0.31496062992125984" footer="0.31496062992125984"/>
  <pageSetup paperSize="9" scale="59" orientation="landscape" r:id="rId1"/>
  <headerFooter>
    <oddHeader>&amp;C&amp;"Arial,Normálne"&amp;16CENOVÁ PONUKA&amp;11
&amp;14pre účel
prípravnej trhovej konzultácia a predbežného zapojenia záujemcov alebo uchádzačov (ďalej aj "PTK")</oddHeader>
  </headerFooter>
  <extLst>
    <ext xmlns:x14="http://schemas.microsoft.com/office/spreadsheetml/2009/9/main" uri="{78C0D931-6437-407d-A8EE-F0AAD7539E65}">
      <x14:conditionalFormattings>
        <x14:conditionalFormatting xmlns:xm="http://schemas.microsoft.com/office/excel/2006/main">
          <x14:cfRule type="containsBlanks" priority="21" id="{52E64315-501F-40C4-9CCD-828EF5B9AF40}">
            <xm:f>LEN(TRIM('Cenová ponuka'!B14))=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4:E15 C18:E18</xm:sqref>
        </x14:conditionalFormatting>
        <x14:conditionalFormatting xmlns:xm="http://schemas.microsoft.com/office/excel/2006/main">
          <x14:cfRule type="containsBlanks" priority="37" id="{52E64315-501F-40C4-9CCD-828EF5B9AF40}">
            <xm:f>LEN(TRIM('Cenová ponuka'!B1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17:E17</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2</vt:i4>
      </vt:variant>
      <vt:variant>
        <vt:lpstr>Pomenované rozsahy</vt:lpstr>
      </vt:variant>
      <vt:variant>
        <vt:i4>2</vt:i4>
      </vt:variant>
    </vt:vector>
  </HeadingPairs>
  <TitlesOfParts>
    <vt:vector size="4" baseType="lpstr">
      <vt:lpstr>Cenová ponuka</vt:lpstr>
      <vt:lpstr>Príloha č. 1</vt:lpstr>
      <vt:lpstr>'Cenová ponuka'!Oblasť_tlače</vt:lpstr>
      <vt:lpstr>'Príloha č. 1'!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raj Barbarič</dc:creator>
  <cp:lastModifiedBy>Ing. Katarína Kupcová</cp:lastModifiedBy>
  <cp:lastPrinted>2022-04-04T10:43:58Z</cp:lastPrinted>
  <dcterms:created xsi:type="dcterms:W3CDTF">2017-04-21T05:51:15Z</dcterms:created>
  <dcterms:modified xsi:type="dcterms:W3CDTF">2022-04-06T06:21:49Z</dcterms:modified>
</cp:coreProperties>
</file>